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3571\Desktop\【編集】★完成データ\"/>
    </mc:Choice>
  </mc:AlternateContent>
  <bookViews>
    <workbookView xWindow="10305" yWindow="30" windowWidth="10200" windowHeight="8055" tabRatio="965"/>
  </bookViews>
  <sheets>
    <sheet name="4(2)" sheetId="125" r:id="rId1"/>
  </sheets>
  <definedNames>
    <definedName name="_xlnm.Print_Area" localSheetId="0">'4(2)'!$A$1:$AA$88</definedName>
  </definedNames>
  <calcPr calcId="162913"/>
</workbook>
</file>

<file path=xl/sharedStrings.xml><?xml version="1.0" encoding="utf-8"?>
<sst xmlns="http://schemas.openxmlformats.org/spreadsheetml/2006/main" count="326" uniqueCount="106">
  <si>
    <t>計画区</t>
  </si>
  <si>
    <t>計</t>
    <rPh sb="0" eb="1">
      <t>ケイ</t>
    </rPh>
    <phoneticPr fontId="2"/>
  </si>
  <si>
    <t>成長量</t>
    <rPh sb="0" eb="2">
      <t>セイチョウ</t>
    </rPh>
    <rPh sb="2" eb="3">
      <t>リョウ</t>
    </rPh>
    <phoneticPr fontId="2"/>
  </si>
  <si>
    <t>人工林率</t>
    <rPh sb="0" eb="3">
      <t>ジンコウリン</t>
    </rPh>
    <rPh sb="3" eb="4">
      <t>リツ</t>
    </rPh>
    <phoneticPr fontId="2"/>
  </si>
  <si>
    <t>伐採跡地</t>
    <rPh sb="0" eb="2">
      <t>バッサイ</t>
    </rPh>
    <rPh sb="2" eb="4">
      <t>アトチ</t>
    </rPh>
    <phoneticPr fontId="2"/>
  </si>
  <si>
    <t>未立木地</t>
    <rPh sb="0" eb="4">
      <t>ミリュウボクチ</t>
    </rPh>
    <phoneticPr fontId="2"/>
  </si>
  <si>
    <t>森林面積</t>
    <rPh sb="0" eb="2">
      <t>シンリン</t>
    </rPh>
    <rPh sb="2" eb="4">
      <t>メンセキ</t>
    </rPh>
    <phoneticPr fontId="2"/>
  </si>
  <si>
    <t>羽須美</t>
    <rPh sb="0" eb="3">
      <t>ハスミ</t>
    </rPh>
    <phoneticPr fontId="2"/>
  </si>
  <si>
    <t>旭</t>
    <rPh sb="0" eb="1">
      <t>アサヒ</t>
    </rPh>
    <phoneticPr fontId="2"/>
  </si>
  <si>
    <t>温泉津</t>
    <rPh sb="0" eb="3">
      <t>ユノツ</t>
    </rPh>
    <phoneticPr fontId="2"/>
  </si>
  <si>
    <t>美保関</t>
    <rPh sb="0" eb="3">
      <t>ミホノセキ</t>
    </rPh>
    <phoneticPr fontId="2"/>
  </si>
  <si>
    <t>東出雲</t>
    <rPh sb="0" eb="3">
      <t>ヒガシイズモ</t>
    </rPh>
    <phoneticPr fontId="2"/>
  </si>
  <si>
    <t>三刀屋</t>
    <rPh sb="0" eb="3">
      <t>ミトヤ</t>
    </rPh>
    <phoneticPr fontId="2"/>
  </si>
  <si>
    <t>西ノ島</t>
    <rPh sb="0" eb="3">
      <t>ニシノシマ</t>
    </rPh>
    <phoneticPr fontId="2"/>
  </si>
  <si>
    <t>津和野</t>
    <rPh sb="0" eb="3">
      <t>ツワノ</t>
    </rPh>
    <phoneticPr fontId="2"/>
  </si>
  <si>
    <t>六日市</t>
    <rPh sb="0" eb="3">
      <t>ムイカイチ</t>
    </rPh>
    <phoneticPr fontId="2"/>
  </si>
  <si>
    <t>県　計</t>
    <rPh sb="0" eb="1">
      <t>ケン</t>
    </rPh>
    <rPh sb="2" eb="3">
      <t>ケイ</t>
    </rPh>
    <phoneticPr fontId="2"/>
  </si>
  <si>
    <t>江の川下流</t>
    <rPh sb="0" eb="1">
      <t>ゴウ</t>
    </rPh>
    <rPh sb="2" eb="3">
      <t>カワ</t>
    </rPh>
    <rPh sb="3" eb="5">
      <t>カリュウ</t>
    </rPh>
    <phoneticPr fontId="2"/>
  </si>
  <si>
    <t>斐伊川</t>
    <rPh sb="0" eb="3">
      <t>ヒイカワ</t>
    </rPh>
    <phoneticPr fontId="2"/>
  </si>
  <si>
    <t>隠岐</t>
    <rPh sb="0" eb="2">
      <t>オキ</t>
    </rPh>
    <phoneticPr fontId="2"/>
  </si>
  <si>
    <t>旧市町村</t>
    <rPh sb="0" eb="1">
      <t>キュウ</t>
    </rPh>
    <rPh sb="1" eb="4">
      <t>シチョウソン</t>
    </rPh>
    <phoneticPr fontId="2"/>
  </si>
  <si>
    <t>美郷町</t>
    <rPh sb="0" eb="3">
      <t>ミサトチョウ</t>
    </rPh>
    <phoneticPr fontId="2"/>
  </si>
  <si>
    <t>邑南町</t>
    <rPh sb="0" eb="1">
      <t>オウ</t>
    </rPh>
    <rPh sb="1" eb="3">
      <t>ナンチョウ</t>
    </rPh>
    <phoneticPr fontId="2"/>
  </si>
  <si>
    <t>大田市</t>
    <rPh sb="0" eb="3">
      <t>オオダシ</t>
    </rPh>
    <phoneticPr fontId="2"/>
  </si>
  <si>
    <t>浜田市</t>
    <rPh sb="0" eb="3">
      <t>ハマダシ</t>
    </rPh>
    <phoneticPr fontId="2"/>
  </si>
  <si>
    <t>江津市</t>
    <rPh sb="0" eb="3">
      <t>ゴウツシ</t>
    </rPh>
    <phoneticPr fontId="2"/>
  </si>
  <si>
    <t>松江市</t>
    <rPh sb="0" eb="3">
      <t>マツエシ</t>
    </rPh>
    <phoneticPr fontId="2"/>
  </si>
  <si>
    <t>安来市</t>
    <rPh sb="0" eb="3">
      <t>ヤスギシ</t>
    </rPh>
    <phoneticPr fontId="2"/>
  </si>
  <si>
    <t>雲南市</t>
    <rPh sb="0" eb="2">
      <t>ウンナン</t>
    </rPh>
    <rPh sb="2" eb="3">
      <t>シ</t>
    </rPh>
    <phoneticPr fontId="2"/>
  </si>
  <si>
    <t>飯南町</t>
    <rPh sb="0" eb="3">
      <t>イイナンチョウ</t>
    </rPh>
    <phoneticPr fontId="2"/>
  </si>
  <si>
    <t>益田市</t>
    <rPh sb="0" eb="3">
      <t>マスダシ</t>
    </rPh>
    <phoneticPr fontId="2"/>
  </si>
  <si>
    <t>津和野町</t>
    <rPh sb="0" eb="4">
      <t>ツワノチョウ</t>
    </rPh>
    <phoneticPr fontId="2"/>
  </si>
  <si>
    <t>吉賀町</t>
    <rPh sb="0" eb="2">
      <t>ヨシガ</t>
    </rPh>
    <rPh sb="2" eb="3">
      <t>チョウ</t>
    </rPh>
    <phoneticPr fontId="2"/>
  </si>
  <si>
    <t>市町村</t>
    <rPh sb="0" eb="1">
      <t>シ</t>
    </rPh>
    <rPh sb="1" eb="2">
      <t>マチ</t>
    </rPh>
    <rPh sb="2" eb="3">
      <t>ムラ</t>
    </rPh>
    <phoneticPr fontId="2"/>
  </si>
  <si>
    <t>市町村</t>
    <rPh sb="0" eb="3">
      <t>シチョウソン</t>
    </rPh>
    <phoneticPr fontId="2"/>
  </si>
  <si>
    <t>（管内計）</t>
    <rPh sb="1" eb="3">
      <t>カンナイ</t>
    </rPh>
    <rPh sb="3" eb="4">
      <t>ケイ</t>
    </rPh>
    <phoneticPr fontId="2"/>
  </si>
  <si>
    <t>出雲市</t>
    <rPh sb="0" eb="3">
      <t>イズモシ</t>
    </rPh>
    <phoneticPr fontId="2"/>
  </si>
  <si>
    <t>針葉樹</t>
    <rPh sb="0" eb="3">
      <t>シンヨウジュ</t>
    </rPh>
    <phoneticPr fontId="2"/>
  </si>
  <si>
    <t>人工林</t>
    <rPh sb="0" eb="1">
      <t>ヒト</t>
    </rPh>
    <rPh sb="1" eb="2">
      <t>タクミ</t>
    </rPh>
    <rPh sb="2" eb="3">
      <t>ハヤシ</t>
    </rPh>
    <phoneticPr fontId="2"/>
  </si>
  <si>
    <t>広葉樹</t>
    <rPh sb="0" eb="3">
      <t>コウヨウジュ</t>
    </rPh>
    <phoneticPr fontId="2"/>
  </si>
  <si>
    <t>針葉樹</t>
    <rPh sb="0" eb="1">
      <t>ハリ</t>
    </rPh>
    <rPh sb="1" eb="2">
      <t>ハ</t>
    </rPh>
    <rPh sb="2" eb="3">
      <t>キ</t>
    </rPh>
    <phoneticPr fontId="2"/>
  </si>
  <si>
    <t>天然林</t>
    <rPh sb="0" eb="1">
      <t>テン</t>
    </rPh>
    <rPh sb="1" eb="2">
      <t>ゼン</t>
    </rPh>
    <rPh sb="2" eb="3">
      <t>ハヤシ</t>
    </rPh>
    <phoneticPr fontId="2"/>
  </si>
  <si>
    <t>広葉樹</t>
    <rPh sb="0" eb="1">
      <t>ヒロ</t>
    </rPh>
    <rPh sb="1" eb="2">
      <t>ハ</t>
    </rPh>
    <rPh sb="2" eb="3">
      <t>キ</t>
    </rPh>
    <phoneticPr fontId="2"/>
  </si>
  <si>
    <t>無立木地</t>
    <rPh sb="0" eb="1">
      <t>ム</t>
    </rPh>
    <rPh sb="1" eb="2">
      <t>タテ</t>
    </rPh>
    <rPh sb="2" eb="3">
      <t>キ</t>
    </rPh>
    <rPh sb="3" eb="4">
      <t>チ</t>
    </rPh>
    <phoneticPr fontId="2"/>
  </si>
  <si>
    <t>総数</t>
    <rPh sb="0" eb="1">
      <t>フサ</t>
    </rPh>
    <rPh sb="1" eb="2">
      <t>カズ</t>
    </rPh>
    <phoneticPr fontId="2"/>
  </si>
  <si>
    <t>竹林</t>
    <rPh sb="0" eb="1">
      <t>タケ</t>
    </rPh>
    <rPh sb="1" eb="2">
      <t>ハヤシ</t>
    </rPh>
    <phoneticPr fontId="2"/>
  </si>
  <si>
    <t>面積</t>
    <rPh sb="0" eb="1">
      <t>メン</t>
    </rPh>
    <rPh sb="1" eb="2">
      <t>セキ</t>
    </rPh>
    <phoneticPr fontId="2"/>
  </si>
  <si>
    <t>蓄積</t>
    <rPh sb="0" eb="1">
      <t>チク</t>
    </rPh>
    <rPh sb="1" eb="2">
      <t>セキ</t>
    </rPh>
    <phoneticPr fontId="2"/>
  </si>
  <si>
    <t>高津川</t>
    <rPh sb="0" eb="2">
      <t>タカツ</t>
    </rPh>
    <rPh sb="2" eb="3">
      <t>ガワ</t>
    </rPh>
    <phoneticPr fontId="2"/>
  </si>
  <si>
    <t>川本町</t>
    <rPh sb="0" eb="2">
      <t>カワモト</t>
    </rPh>
    <rPh sb="2" eb="3">
      <t>チョウ</t>
    </rPh>
    <phoneticPr fontId="2"/>
  </si>
  <si>
    <t>邑南町</t>
    <rPh sb="0" eb="3">
      <t>オオナンチョウ</t>
    </rPh>
    <phoneticPr fontId="2"/>
  </si>
  <si>
    <t>川本</t>
    <rPh sb="0" eb="2">
      <t>カワモト</t>
    </rPh>
    <phoneticPr fontId="2"/>
  </si>
  <si>
    <t>邑智</t>
    <rPh sb="0" eb="2">
      <t>オオチ</t>
    </rPh>
    <phoneticPr fontId="2"/>
  </si>
  <si>
    <t>大和</t>
    <rPh sb="0" eb="2">
      <t>ヤマト</t>
    </rPh>
    <phoneticPr fontId="2"/>
  </si>
  <si>
    <t>瑞穂</t>
    <rPh sb="0" eb="2">
      <t>ミズホ</t>
    </rPh>
    <phoneticPr fontId="2"/>
  </si>
  <si>
    <t>石見</t>
    <rPh sb="0" eb="2">
      <t>イワミ</t>
    </rPh>
    <phoneticPr fontId="2"/>
  </si>
  <si>
    <t>大田</t>
    <rPh sb="0" eb="2">
      <t>オオダ</t>
    </rPh>
    <phoneticPr fontId="2"/>
  </si>
  <si>
    <t>仁摩</t>
    <rPh sb="0" eb="2">
      <t>ニマ</t>
    </rPh>
    <phoneticPr fontId="2"/>
  </si>
  <si>
    <t>浜田</t>
    <rPh sb="0" eb="2">
      <t>ハマダ</t>
    </rPh>
    <phoneticPr fontId="2"/>
  </si>
  <si>
    <t>金城</t>
    <rPh sb="0" eb="2">
      <t>カネシロ</t>
    </rPh>
    <phoneticPr fontId="2"/>
  </si>
  <si>
    <t>弥栄</t>
    <rPh sb="0" eb="2">
      <t>ヤサカ</t>
    </rPh>
    <phoneticPr fontId="2"/>
  </si>
  <si>
    <t>三隅</t>
    <rPh sb="0" eb="2">
      <t>ミスミ</t>
    </rPh>
    <phoneticPr fontId="2"/>
  </si>
  <si>
    <t>江津</t>
    <rPh sb="0" eb="2">
      <t>ゴウツ</t>
    </rPh>
    <phoneticPr fontId="2"/>
  </si>
  <si>
    <t>桜江</t>
    <rPh sb="0" eb="2">
      <t>サクラエ</t>
    </rPh>
    <phoneticPr fontId="2"/>
  </si>
  <si>
    <t>松江</t>
    <rPh sb="0" eb="2">
      <t>マツエ</t>
    </rPh>
    <phoneticPr fontId="2"/>
  </si>
  <si>
    <t>鹿島</t>
    <rPh sb="0" eb="2">
      <t>カシマ</t>
    </rPh>
    <phoneticPr fontId="2"/>
  </si>
  <si>
    <t>島根</t>
    <rPh sb="0" eb="2">
      <t>シマネ</t>
    </rPh>
    <phoneticPr fontId="2"/>
  </si>
  <si>
    <t>八雲</t>
    <rPh sb="0" eb="2">
      <t>ヤクモ</t>
    </rPh>
    <phoneticPr fontId="2"/>
  </si>
  <si>
    <t>玉湯</t>
    <rPh sb="0" eb="2">
      <t>タマユ</t>
    </rPh>
    <phoneticPr fontId="2"/>
  </si>
  <si>
    <t>宍道</t>
    <rPh sb="0" eb="2">
      <t>シンジ</t>
    </rPh>
    <phoneticPr fontId="2"/>
  </si>
  <si>
    <t>八束</t>
    <rPh sb="0" eb="2">
      <t>ヤツカ</t>
    </rPh>
    <phoneticPr fontId="2"/>
  </si>
  <si>
    <t>安来</t>
    <rPh sb="0" eb="2">
      <t>ヤスギ</t>
    </rPh>
    <phoneticPr fontId="2"/>
  </si>
  <si>
    <t>広瀬</t>
    <rPh sb="0" eb="2">
      <t>ヒロセ</t>
    </rPh>
    <phoneticPr fontId="2"/>
  </si>
  <si>
    <t>伯太</t>
    <rPh sb="0" eb="2">
      <t>ハクタ</t>
    </rPh>
    <phoneticPr fontId="2"/>
  </si>
  <si>
    <t>大東</t>
    <rPh sb="0" eb="2">
      <t>ダイトウ</t>
    </rPh>
    <phoneticPr fontId="2"/>
  </si>
  <si>
    <t>加茂</t>
    <rPh sb="0" eb="2">
      <t>カモ</t>
    </rPh>
    <phoneticPr fontId="2"/>
  </si>
  <si>
    <t>木次</t>
    <rPh sb="0" eb="1">
      <t>キ</t>
    </rPh>
    <rPh sb="1" eb="2">
      <t>ツギ</t>
    </rPh>
    <phoneticPr fontId="2"/>
  </si>
  <si>
    <t>吉田</t>
    <rPh sb="0" eb="2">
      <t>ヨシダ</t>
    </rPh>
    <phoneticPr fontId="2"/>
  </si>
  <si>
    <t>掛合</t>
    <rPh sb="0" eb="2">
      <t>カケヤ</t>
    </rPh>
    <phoneticPr fontId="2"/>
  </si>
  <si>
    <t>奥出雲町</t>
    <rPh sb="0" eb="1">
      <t>オク</t>
    </rPh>
    <rPh sb="1" eb="4">
      <t>イズモチョウ</t>
    </rPh>
    <phoneticPr fontId="2"/>
  </si>
  <si>
    <t>仁多</t>
    <rPh sb="0" eb="2">
      <t>ニタ</t>
    </rPh>
    <phoneticPr fontId="2"/>
  </si>
  <si>
    <t>横田</t>
    <rPh sb="0" eb="2">
      <t>ヨコタ</t>
    </rPh>
    <phoneticPr fontId="2"/>
  </si>
  <si>
    <t>頓原</t>
    <rPh sb="0" eb="2">
      <t>トンバラ</t>
    </rPh>
    <phoneticPr fontId="2"/>
  </si>
  <si>
    <t>赤来</t>
    <rPh sb="0" eb="2">
      <t>アカギ</t>
    </rPh>
    <phoneticPr fontId="2"/>
  </si>
  <si>
    <t>出雲</t>
    <rPh sb="0" eb="2">
      <t>イズモ</t>
    </rPh>
    <phoneticPr fontId="2"/>
  </si>
  <si>
    <t>平田</t>
    <rPh sb="0" eb="2">
      <t>ヒラタ</t>
    </rPh>
    <phoneticPr fontId="2"/>
  </si>
  <si>
    <t>佐田</t>
    <rPh sb="0" eb="2">
      <t>サダ</t>
    </rPh>
    <phoneticPr fontId="2"/>
  </si>
  <si>
    <t>多伎</t>
    <rPh sb="0" eb="2">
      <t>タキ</t>
    </rPh>
    <phoneticPr fontId="2"/>
  </si>
  <si>
    <t>湖陵</t>
    <rPh sb="0" eb="2">
      <t>コリョウ</t>
    </rPh>
    <phoneticPr fontId="2"/>
  </si>
  <si>
    <t>大社</t>
    <rPh sb="0" eb="2">
      <t>タイシャ</t>
    </rPh>
    <phoneticPr fontId="2"/>
  </si>
  <si>
    <t>斐川</t>
    <rPh sb="0" eb="2">
      <t>ヒカワ</t>
    </rPh>
    <phoneticPr fontId="2"/>
  </si>
  <si>
    <t>隠岐の島町</t>
    <rPh sb="0" eb="2">
      <t>オキ</t>
    </rPh>
    <rPh sb="3" eb="4">
      <t>シマ</t>
    </rPh>
    <rPh sb="4" eb="5">
      <t>チョウ</t>
    </rPh>
    <phoneticPr fontId="2"/>
  </si>
  <si>
    <t>西郷</t>
    <rPh sb="0" eb="2">
      <t>サイゴウ</t>
    </rPh>
    <phoneticPr fontId="2"/>
  </si>
  <si>
    <t>布施</t>
    <rPh sb="0" eb="2">
      <t>フセ</t>
    </rPh>
    <phoneticPr fontId="2"/>
  </si>
  <si>
    <t>五箇</t>
    <rPh sb="0" eb="2">
      <t>ゴカ</t>
    </rPh>
    <phoneticPr fontId="2"/>
  </si>
  <si>
    <t>都万</t>
    <rPh sb="0" eb="2">
      <t>ツマ</t>
    </rPh>
    <phoneticPr fontId="2"/>
  </si>
  <si>
    <t>海士町</t>
    <rPh sb="0" eb="2">
      <t>アマ</t>
    </rPh>
    <rPh sb="2" eb="3">
      <t>チョウ</t>
    </rPh>
    <phoneticPr fontId="2"/>
  </si>
  <si>
    <t>海士</t>
    <rPh sb="0" eb="2">
      <t>アマ</t>
    </rPh>
    <phoneticPr fontId="2"/>
  </si>
  <si>
    <t>西ノ島町</t>
    <rPh sb="0" eb="3">
      <t>ニシノシマ</t>
    </rPh>
    <rPh sb="3" eb="4">
      <t>マチ</t>
    </rPh>
    <phoneticPr fontId="2"/>
  </si>
  <si>
    <t>知夫村</t>
    <rPh sb="0" eb="2">
      <t>チブ</t>
    </rPh>
    <rPh sb="2" eb="3">
      <t>ムラ</t>
    </rPh>
    <phoneticPr fontId="2"/>
  </si>
  <si>
    <t>知夫</t>
    <rPh sb="0" eb="2">
      <t>チブ</t>
    </rPh>
    <phoneticPr fontId="2"/>
  </si>
  <si>
    <t>益田</t>
    <rPh sb="0" eb="2">
      <t>マスダ</t>
    </rPh>
    <phoneticPr fontId="2"/>
  </si>
  <si>
    <t>美都</t>
    <rPh sb="0" eb="2">
      <t>ミト</t>
    </rPh>
    <phoneticPr fontId="2"/>
  </si>
  <si>
    <t>匹見</t>
    <rPh sb="0" eb="2">
      <t>ヒキミ</t>
    </rPh>
    <phoneticPr fontId="2"/>
  </si>
  <si>
    <t>日原</t>
    <rPh sb="0" eb="2">
      <t>ニチハラ</t>
    </rPh>
    <phoneticPr fontId="2"/>
  </si>
  <si>
    <t>柿木</t>
    <rPh sb="0" eb="2">
      <t>カキノキ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41" formatCode="_ * #,##0_ ;_ * \-#,##0_ ;_ * &quot;-&quot;_ ;_ @_ "/>
    <numFmt numFmtId="182" formatCode="#,##0_);\(#,##0\)"/>
    <numFmt numFmtId="186" formatCode="0_ "/>
  </numFmts>
  <fonts count="7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6"/>
      <name val="ＭＳ 明朝"/>
      <family val="1"/>
      <charset val="128"/>
    </font>
    <font>
      <sz val="9"/>
      <name val="ＭＳ 明朝"/>
      <family val="1"/>
      <charset val="128"/>
    </font>
    <font>
      <sz val="7"/>
      <name val="ＭＳ 明朝"/>
      <family val="1"/>
      <charset val="128"/>
    </font>
    <font>
      <sz val="8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6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dotted">
        <color indexed="64"/>
      </bottom>
      <diagonal/>
    </border>
    <border>
      <left style="thin">
        <color indexed="64"/>
      </left>
      <right style="thin">
        <color indexed="64"/>
      </right>
      <top/>
      <bottom style="dashed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ash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81">
    <xf numFmtId="0" fontId="0" fillId="0" borderId="0" xfId="0"/>
    <xf numFmtId="0" fontId="3" fillId="0" borderId="0" xfId="0" applyFont="1" applyAlignment="1">
      <alignment vertical="center"/>
    </xf>
    <xf numFmtId="182" fontId="3" fillId="0" borderId="0" xfId="0" applyNumberFormat="1" applyFont="1" applyAlignment="1">
      <alignment horizontal="center" vertical="center"/>
    </xf>
    <xf numFmtId="182" fontId="3" fillId="0" borderId="0" xfId="0" applyNumberFormat="1" applyFont="1" applyAlignment="1">
      <alignment vertical="center"/>
    </xf>
    <xf numFmtId="182" fontId="4" fillId="0" borderId="0" xfId="0" applyNumberFormat="1" applyFont="1" applyAlignment="1">
      <alignment horizontal="right" vertical="center"/>
    </xf>
    <xf numFmtId="0" fontId="3" fillId="0" borderId="0" xfId="0" applyFont="1" applyAlignment="1">
      <alignment horizontal="center" vertical="center"/>
    </xf>
    <xf numFmtId="41" fontId="5" fillId="0" borderId="1" xfId="1" quotePrefix="1" applyNumberFormat="1" applyFont="1" applyBorder="1" applyAlignment="1">
      <alignment vertical="center"/>
    </xf>
    <xf numFmtId="9" fontId="5" fillId="0" borderId="1" xfId="1" quotePrefix="1" applyNumberFormat="1" applyFont="1" applyBorder="1" applyAlignment="1">
      <alignment horizontal="center" vertical="center"/>
    </xf>
    <xf numFmtId="41" fontId="5" fillId="0" borderId="2" xfId="1" quotePrefix="1" applyNumberFormat="1" applyFont="1" applyBorder="1" applyAlignment="1">
      <alignment vertical="center"/>
    </xf>
    <xf numFmtId="9" fontId="5" fillId="0" borderId="2" xfId="1" quotePrefix="1" applyNumberFormat="1" applyFont="1" applyBorder="1" applyAlignment="1">
      <alignment horizontal="center" vertical="center"/>
    </xf>
    <xf numFmtId="41" fontId="5" fillId="0" borderId="3" xfId="1" quotePrefix="1" applyNumberFormat="1" applyFont="1" applyBorder="1" applyAlignment="1">
      <alignment vertical="center"/>
    </xf>
    <xf numFmtId="9" fontId="5" fillId="0" borderId="3" xfId="1" quotePrefix="1" applyNumberFormat="1" applyFont="1" applyBorder="1" applyAlignment="1">
      <alignment horizontal="center" vertical="center"/>
    </xf>
    <xf numFmtId="41" fontId="5" fillId="0" borderId="4" xfId="1" quotePrefix="1" applyNumberFormat="1" applyFont="1" applyBorder="1" applyAlignment="1">
      <alignment vertical="center"/>
    </xf>
    <xf numFmtId="9" fontId="5" fillId="0" borderId="4" xfId="1" quotePrefix="1" applyNumberFormat="1" applyFont="1" applyBorder="1" applyAlignment="1">
      <alignment horizontal="center" vertical="center"/>
    </xf>
    <xf numFmtId="41" fontId="5" fillId="0" borderId="5" xfId="1" quotePrefix="1" applyNumberFormat="1" applyFont="1" applyBorder="1" applyAlignment="1">
      <alignment vertical="center"/>
    </xf>
    <xf numFmtId="9" fontId="5" fillId="0" borderId="5" xfId="1" quotePrefix="1" applyNumberFormat="1" applyFont="1" applyBorder="1" applyAlignment="1">
      <alignment horizontal="center" vertical="center"/>
    </xf>
    <xf numFmtId="41" fontId="5" fillId="0" borderId="6" xfId="1" quotePrefix="1" applyNumberFormat="1" applyFont="1" applyBorder="1" applyAlignment="1">
      <alignment vertical="center"/>
    </xf>
    <xf numFmtId="9" fontId="5" fillId="0" borderId="6" xfId="1" quotePrefix="1" applyNumberFormat="1" applyFont="1" applyBorder="1" applyAlignment="1">
      <alignment horizontal="center" vertical="center"/>
    </xf>
    <xf numFmtId="41" fontId="5" fillId="0" borderId="5" xfId="0" applyNumberFormat="1" applyFont="1" applyBorder="1" applyAlignment="1">
      <alignment vertical="center"/>
    </xf>
    <xf numFmtId="41" fontId="5" fillId="0" borderId="4" xfId="0" applyNumberFormat="1" applyFont="1" applyBorder="1" applyAlignment="1">
      <alignment vertical="center"/>
    </xf>
    <xf numFmtId="41" fontId="5" fillId="0" borderId="7" xfId="1" quotePrefix="1" applyNumberFormat="1" applyFont="1" applyBorder="1" applyAlignment="1">
      <alignment vertical="center"/>
    </xf>
    <xf numFmtId="9" fontId="5" fillId="0" borderId="7" xfId="1" quotePrefix="1" applyNumberFormat="1" applyFont="1" applyBorder="1" applyAlignment="1">
      <alignment horizontal="center" vertical="center"/>
    </xf>
    <xf numFmtId="9" fontId="5" fillId="0" borderId="4" xfId="0" applyNumberFormat="1" applyFont="1" applyBorder="1" applyAlignment="1">
      <alignment horizontal="center" vertical="center"/>
    </xf>
    <xf numFmtId="41" fontId="5" fillId="0" borderId="8" xfId="1" quotePrefix="1" applyNumberFormat="1" applyFont="1" applyBorder="1" applyAlignment="1">
      <alignment vertical="center"/>
    </xf>
    <xf numFmtId="9" fontId="5" fillId="0" borderId="8" xfId="1" quotePrefix="1" applyNumberFormat="1" applyFont="1" applyBorder="1" applyAlignment="1">
      <alignment horizontal="center" vertical="center"/>
    </xf>
    <xf numFmtId="41" fontId="5" fillId="0" borderId="9" xfId="1" quotePrefix="1" applyNumberFormat="1" applyFont="1" applyBorder="1" applyAlignment="1">
      <alignment vertical="center"/>
    </xf>
    <xf numFmtId="9" fontId="5" fillId="0" borderId="9" xfId="1" quotePrefix="1" applyNumberFormat="1" applyFont="1" applyBorder="1" applyAlignment="1">
      <alignment horizontal="center" vertical="center"/>
    </xf>
    <xf numFmtId="41" fontId="5" fillId="0" borderId="10" xfId="1" quotePrefix="1" applyNumberFormat="1" applyFont="1" applyBorder="1" applyAlignment="1">
      <alignment vertical="center"/>
    </xf>
    <xf numFmtId="9" fontId="5" fillId="0" borderId="10" xfId="1" quotePrefix="1" applyNumberFormat="1" applyFont="1" applyBorder="1" applyAlignment="1">
      <alignment horizontal="center" vertical="center"/>
    </xf>
    <xf numFmtId="182" fontId="4" fillId="0" borderId="5" xfId="0" applyNumberFormat="1" applyFont="1" applyBorder="1" applyAlignment="1">
      <alignment horizontal="center" vertical="center"/>
    </xf>
    <xf numFmtId="182" fontId="4" fillId="0" borderId="1" xfId="0" applyNumberFormat="1" applyFont="1" applyBorder="1" applyAlignment="1">
      <alignment vertical="center" wrapText="1"/>
    </xf>
    <xf numFmtId="182" fontId="4" fillId="0" borderId="3" xfId="0" applyNumberFormat="1" applyFont="1" applyBorder="1" applyAlignment="1">
      <alignment vertical="center" wrapText="1"/>
    </xf>
    <xf numFmtId="182" fontId="4" fillId="0" borderId="6" xfId="0" applyNumberFormat="1" applyFont="1" applyBorder="1" applyAlignment="1">
      <alignment vertical="center" wrapText="1"/>
    </xf>
    <xf numFmtId="182" fontId="6" fillId="0" borderId="1" xfId="0" applyNumberFormat="1" applyFont="1" applyBorder="1" applyAlignment="1">
      <alignment vertical="center" shrinkToFit="1"/>
    </xf>
    <xf numFmtId="182" fontId="6" fillId="0" borderId="3" xfId="0" applyNumberFormat="1" applyFont="1" applyBorder="1" applyAlignment="1">
      <alignment vertical="center" shrinkToFit="1"/>
    </xf>
    <xf numFmtId="182" fontId="6" fillId="0" borderId="6" xfId="0" applyNumberFormat="1" applyFont="1" applyBorder="1" applyAlignment="1">
      <alignment vertical="center" shrinkToFit="1"/>
    </xf>
    <xf numFmtId="0" fontId="4" fillId="0" borderId="1" xfId="0" applyFont="1" applyBorder="1" applyAlignment="1">
      <alignment vertical="center" shrinkToFit="1"/>
    </xf>
    <xf numFmtId="0" fontId="4" fillId="0" borderId="3" xfId="0" applyFont="1" applyBorder="1" applyAlignment="1">
      <alignment vertical="center" shrinkToFit="1"/>
    </xf>
    <xf numFmtId="182" fontId="4" fillId="0" borderId="11" xfId="0" applyNumberFormat="1" applyFont="1" applyBorder="1" applyAlignment="1">
      <alignment vertical="center"/>
    </xf>
    <xf numFmtId="182" fontId="4" fillId="0" borderId="12" xfId="0" applyNumberFormat="1" applyFont="1" applyBorder="1" applyAlignment="1">
      <alignment vertical="center"/>
    </xf>
    <xf numFmtId="182" fontId="4" fillId="0" borderId="13" xfId="0" applyNumberFormat="1" applyFont="1" applyBorder="1" applyAlignment="1">
      <alignment vertical="center"/>
    </xf>
    <xf numFmtId="186" fontId="5" fillId="0" borderId="1" xfId="1" quotePrefix="1" applyNumberFormat="1" applyFont="1" applyBorder="1" applyAlignment="1">
      <alignment vertical="center"/>
    </xf>
    <xf numFmtId="186" fontId="5" fillId="0" borderId="2" xfId="1" quotePrefix="1" applyNumberFormat="1" applyFont="1" applyBorder="1" applyAlignment="1">
      <alignment vertical="center"/>
    </xf>
    <xf numFmtId="186" fontId="5" fillId="0" borderId="3" xfId="1" quotePrefix="1" applyNumberFormat="1" applyFont="1" applyBorder="1" applyAlignment="1">
      <alignment vertical="center"/>
    </xf>
    <xf numFmtId="186" fontId="5" fillId="0" borderId="4" xfId="1" quotePrefix="1" applyNumberFormat="1" applyFont="1" applyBorder="1" applyAlignment="1">
      <alignment vertical="center"/>
    </xf>
    <xf numFmtId="186" fontId="5" fillId="0" borderId="5" xfId="1" quotePrefix="1" applyNumberFormat="1" applyFont="1" applyBorder="1" applyAlignment="1">
      <alignment vertical="center"/>
    </xf>
    <xf numFmtId="186" fontId="5" fillId="0" borderId="6" xfId="1" quotePrefix="1" applyNumberFormat="1" applyFont="1" applyBorder="1" applyAlignment="1">
      <alignment vertical="center"/>
    </xf>
    <xf numFmtId="0" fontId="4" fillId="0" borderId="8" xfId="0" applyFont="1" applyBorder="1" applyAlignment="1">
      <alignment vertical="center" shrinkToFit="1"/>
    </xf>
    <xf numFmtId="0" fontId="4" fillId="0" borderId="11" xfId="0" applyFont="1" applyBorder="1" applyAlignment="1">
      <alignment vertical="center" wrapText="1"/>
    </xf>
    <xf numFmtId="0" fontId="4" fillId="0" borderId="8" xfId="0" applyFont="1" applyBorder="1" applyAlignment="1">
      <alignment horizontal="center" vertical="center" shrinkToFit="1"/>
    </xf>
    <xf numFmtId="182" fontId="4" fillId="0" borderId="12" xfId="0" applyNumberFormat="1" applyFont="1" applyFill="1" applyBorder="1" applyAlignment="1">
      <alignment vertical="center" shrinkToFit="1"/>
    </xf>
    <xf numFmtId="182" fontId="4" fillId="0" borderId="13" xfId="0" applyNumberFormat="1" applyFont="1" applyFill="1" applyBorder="1" applyAlignment="1">
      <alignment vertical="center" shrinkToFit="1"/>
    </xf>
    <xf numFmtId="182" fontId="4" fillId="0" borderId="14" xfId="0" applyNumberFormat="1" applyFont="1" applyFill="1" applyBorder="1" applyAlignment="1">
      <alignment vertical="center" shrinkToFit="1"/>
    </xf>
    <xf numFmtId="182" fontId="4" fillId="0" borderId="15" xfId="0" applyNumberFormat="1" applyFont="1" applyFill="1" applyBorder="1" applyAlignment="1">
      <alignment vertical="center" shrinkToFit="1"/>
    </xf>
    <xf numFmtId="182" fontId="4" fillId="0" borderId="12" xfId="0" applyNumberFormat="1" applyFont="1" applyFill="1" applyBorder="1" applyAlignment="1">
      <alignment vertical="center"/>
    </xf>
    <xf numFmtId="186" fontId="4" fillId="0" borderId="1" xfId="0" applyNumberFormat="1" applyFont="1" applyBorder="1" applyAlignment="1">
      <alignment horizontal="center" vertical="center"/>
    </xf>
    <xf numFmtId="186" fontId="4" fillId="0" borderId="2" xfId="0" applyNumberFormat="1" applyFont="1" applyBorder="1" applyAlignment="1">
      <alignment horizontal="center" vertical="center"/>
    </xf>
    <xf numFmtId="186" fontId="4" fillId="0" borderId="3" xfId="0" applyNumberFormat="1" applyFont="1" applyBorder="1" applyAlignment="1">
      <alignment horizontal="center" vertical="center"/>
    </xf>
    <xf numFmtId="186" fontId="4" fillId="0" borderId="4" xfId="0" applyNumberFormat="1" applyFont="1" applyBorder="1" applyAlignment="1">
      <alignment horizontal="center" vertical="center"/>
    </xf>
    <xf numFmtId="186" fontId="4" fillId="0" borderId="5" xfId="0" applyNumberFormat="1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186" fontId="4" fillId="0" borderId="1" xfId="0" applyNumberFormat="1" applyFont="1" applyBorder="1" applyAlignment="1">
      <alignment horizontal="center" vertical="center" wrapText="1"/>
    </xf>
    <xf numFmtId="186" fontId="4" fillId="0" borderId="9" xfId="0" applyNumberFormat="1" applyFont="1" applyBorder="1" applyAlignment="1">
      <alignment horizontal="center" vertical="center"/>
    </xf>
    <xf numFmtId="186" fontId="4" fillId="0" borderId="10" xfId="0" applyNumberFormat="1" applyFont="1" applyBorder="1" applyAlignment="1">
      <alignment horizontal="center" vertical="center"/>
    </xf>
    <xf numFmtId="186" fontId="4" fillId="0" borderId="12" xfId="0" applyNumberFormat="1" applyFont="1" applyBorder="1" applyAlignment="1">
      <alignment vertical="center"/>
    </xf>
    <xf numFmtId="0" fontId="4" fillId="0" borderId="4" xfId="0" applyFont="1" applyBorder="1" applyAlignment="1">
      <alignment horizontal="center" vertical="center"/>
    </xf>
    <xf numFmtId="186" fontId="4" fillId="0" borderId="6" xfId="0" applyNumberFormat="1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186" fontId="5" fillId="0" borderId="5" xfId="0" applyNumberFormat="1" applyFont="1" applyBorder="1" applyAlignment="1">
      <alignment vertical="center"/>
    </xf>
    <xf numFmtId="186" fontId="5" fillId="0" borderId="7" xfId="1" quotePrefix="1" applyNumberFormat="1" applyFont="1" applyBorder="1" applyAlignment="1">
      <alignment vertical="center"/>
    </xf>
    <xf numFmtId="186" fontId="5" fillId="0" borderId="4" xfId="0" applyNumberFormat="1" applyFont="1" applyBorder="1" applyAlignment="1">
      <alignment vertical="center"/>
    </xf>
    <xf numFmtId="186" fontId="5" fillId="0" borderId="8" xfId="1" quotePrefix="1" applyNumberFormat="1" applyFont="1" applyBorder="1" applyAlignment="1">
      <alignment vertical="center"/>
    </xf>
    <xf numFmtId="186" fontId="5" fillId="0" borderId="9" xfId="1" quotePrefix="1" applyNumberFormat="1" applyFont="1" applyBorder="1" applyAlignment="1">
      <alignment vertical="center"/>
    </xf>
    <xf numFmtId="186" fontId="5" fillId="0" borderId="10" xfId="1" quotePrefix="1" applyNumberFormat="1" applyFont="1" applyBorder="1" applyAlignment="1">
      <alignment vertical="center"/>
    </xf>
    <xf numFmtId="182" fontId="4" fillId="0" borderId="11" xfId="0" applyNumberFormat="1" applyFont="1" applyBorder="1" applyAlignment="1">
      <alignment horizontal="left" vertical="center"/>
    </xf>
    <xf numFmtId="182" fontId="4" fillId="0" borderId="1" xfId="0" applyNumberFormat="1" applyFont="1" applyBorder="1" applyAlignment="1">
      <alignment horizontal="left" vertical="center"/>
    </xf>
    <xf numFmtId="0" fontId="4" fillId="0" borderId="8" xfId="0" applyFont="1" applyBorder="1" applyAlignment="1">
      <alignment horizontal="left" vertical="center"/>
    </xf>
    <xf numFmtId="182" fontId="6" fillId="0" borderId="1" xfId="0" applyNumberFormat="1" applyFont="1" applyBorder="1" applyAlignment="1">
      <alignment horizontal="left" vertical="center" shrinkToFit="1"/>
    </xf>
    <xf numFmtId="182" fontId="4" fillId="0" borderId="8" xfId="0" applyNumberFormat="1" applyFont="1" applyBorder="1" applyAlignment="1">
      <alignment horizontal="left" vertical="center"/>
    </xf>
    <xf numFmtId="182" fontId="5" fillId="0" borderId="8" xfId="0" applyNumberFormat="1" applyFont="1" applyBorder="1" applyAlignment="1">
      <alignment horizontal="left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0"/>
  </sheetPr>
  <dimension ref="A1:AA88"/>
  <sheetViews>
    <sheetView tabSelected="1" zoomScale="144" zoomScaleNormal="144" zoomScaleSheetLayoutView="100" workbookViewId="0"/>
  </sheetViews>
  <sheetFormatPr defaultRowHeight="9" x14ac:dyDescent="0.15"/>
  <cols>
    <col min="1" max="1" width="3.25" style="1" customWidth="1"/>
    <col min="2" max="3" width="5.625" style="1" customWidth="1"/>
    <col min="4" max="4" width="7" style="1" customWidth="1"/>
    <col min="5" max="5" width="8.25" style="1" customWidth="1"/>
    <col min="6" max="6" width="7.5" style="1" customWidth="1"/>
    <col min="7" max="10" width="7" style="1" customWidth="1"/>
    <col min="11" max="11" width="8.25" style="1" customWidth="1"/>
    <col min="12" max="12" width="8.375" style="1" bestFit="1" customWidth="1"/>
    <col min="13" max="13" width="6.5" style="5" bestFit="1" customWidth="1"/>
    <col min="14" max="14" width="6.5" style="1" bestFit="1" customWidth="1"/>
    <col min="15" max="15" width="9.125" style="1" bestFit="1" customWidth="1"/>
    <col min="16" max="16" width="7.25" style="1" bestFit="1" customWidth="1"/>
    <col min="17" max="17" width="7.125" style="1" bestFit="1" customWidth="1"/>
    <col min="18" max="18" width="9.125" style="1" bestFit="1" customWidth="1"/>
    <col min="19" max="20" width="7.25" style="1" bestFit="1" customWidth="1"/>
    <col min="21" max="21" width="9.125" style="1" bestFit="1" customWidth="1"/>
    <col min="22" max="22" width="7.25" style="1" bestFit="1" customWidth="1"/>
    <col min="23" max="27" width="7" style="1" customWidth="1"/>
    <col min="28" max="16384" width="9" style="1"/>
  </cols>
  <sheetData>
    <row r="1" spans="1:27" ht="15" customHeight="1" x14ac:dyDescent="0.15">
      <c r="B1" s="2"/>
      <c r="C1" s="2"/>
      <c r="D1" s="3"/>
      <c r="E1" s="3"/>
      <c r="F1" s="3"/>
      <c r="G1" s="3"/>
      <c r="H1" s="3"/>
      <c r="I1" s="3"/>
      <c r="J1" s="3"/>
      <c r="K1" s="3"/>
      <c r="L1" s="3"/>
      <c r="M1" s="2"/>
      <c r="N1" s="3"/>
      <c r="O1" s="3"/>
      <c r="P1" s="3"/>
      <c r="Q1" s="3"/>
      <c r="R1" s="3"/>
      <c r="S1" s="3"/>
      <c r="T1" s="3"/>
      <c r="U1" s="3"/>
      <c r="V1" s="3"/>
      <c r="W1" s="3"/>
      <c r="X1" s="3"/>
      <c r="Y1" s="3"/>
      <c r="Z1" s="3"/>
      <c r="AA1" s="4"/>
    </row>
    <row r="2" spans="1:27" ht="18.95" customHeight="1" x14ac:dyDescent="0.15">
      <c r="A2" s="36" t="s">
        <v>0</v>
      </c>
      <c r="B2" s="30" t="s">
        <v>33</v>
      </c>
      <c r="C2" s="33" t="s">
        <v>20</v>
      </c>
      <c r="D2" s="75" t="s">
        <v>38</v>
      </c>
      <c r="E2" s="75" t="s">
        <v>38</v>
      </c>
      <c r="F2" s="75" t="s">
        <v>38</v>
      </c>
      <c r="G2" s="75" t="s">
        <v>38</v>
      </c>
      <c r="H2" s="75" t="s">
        <v>38</v>
      </c>
      <c r="I2" s="75" t="s">
        <v>38</v>
      </c>
      <c r="J2" s="75" t="s">
        <v>38</v>
      </c>
      <c r="K2" s="75" t="s">
        <v>38</v>
      </c>
      <c r="L2" s="75" t="s">
        <v>38</v>
      </c>
      <c r="M2" s="75" t="s">
        <v>38</v>
      </c>
      <c r="N2" s="75" t="s">
        <v>41</v>
      </c>
      <c r="O2" s="75" t="s">
        <v>41</v>
      </c>
      <c r="P2" s="75" t="s">
        <v>41</v>
      </c>
      <c r="Q2" s="75" t="s">
        <v>41</v>
      </c>
      <c r="R2" s="75" t="s">
        <v>41</v>
      </c>
      <c r="S2" s="75" t="s">
        <v>41</v>
      </c>
      <c r="T2" s="75" t="s">
        <v>41</v>
      </c>
      <c r="U2" s="75" t="s">
        <v>41</v>
      </c>
      <c r="V2" s="75" t="s">
        <v>41</v>
      </c>
      <c r="W2" s="75" t="s">
        <v>43</v>
      </c>
      <c r="X2" s="75" t="s">
        <v>43</v>
      </c>
      <c r="Y2" s="75" t="s">
        <v>43</v>
      </c>
      <c r="Z2" s="76" t="s">
        <v>45</v>
      </c>
      <c r="AA2" s="76" t="s">
        <v>6</v>
      </c>
    </row>
    <row r="3" spans="1:27" ht="18.95" customHeight="1" x14ac:dyDescent="0.15">
      <c r="A3" s="37" t="s">
        <v>0</v>
      </c>
      <c r="B3" s="31" t="s">
        <v>34</v>
      </c>
      <c r="C3" s="34" t="s">
        <v>20</v>
      </c>
      <c r="D3" s="77" t="s">
        <v>37</v>
      </c>
      <c r="E3" s="77" t="s">
        <v>37</v>
      </c>
      <c r="F3" s="77" t="s">
        <v>37</v>
      </c>
      <c r="G3" s="77" t="s">
        <v>39</v>
      </c>
      <c r="H3" s="77" t="s">
        <v>39</v>
      </c>
      <c r="I3" s="77" t="s">
        <v>39</v>
      </c>
      <c r="J3" s="75" t="s">
        <v>1</v>
      </c>
      <c r="K3" s="75" t="s">
        <v>1</v>
      </c>
      <c r="L3" s="75" t="s">
        <v>1</v>
      </c>
      <c r="M3" s="75" t="s">
        <v>1</v>
      </c>
      <c r="N3" s="75" t="s">
        <v>40</v>
      </c>
      <c r="O3" s="75" t="s">
        <v>40</v>
      </c>
      <c r="P3" s="75" t="s">
        <v>40</v>
      </c>
      <c r="Q3" s="75" t="s">
        <v>42</v>
      </c>
      <c r="R3" s="75" t="s">
        <v>42</v>
      </c>
      <c r="S3" s="75" t="s">
        <v>42</v>
      </c>
      <c r="T3" s="75" t="s">
        <v>1</v>
      </c>
      <c r="U3" s="75" t="s">
        <v>1</v>
      </c>
      <c r="V3" s="75" t="s">
        <v>1</v>
      </c>
      <c r="W3" s="76" t="s">
        <v>44</v>
      </c>
      <c r="X3" s="78" t="s">
        <v>4</v>
      </c>
      <c r="Y3" s="78" t="s">
        <v>5</v>
      </c>
      <c r="Z3" s="76" t="s">
        <v>45</v>
      </c>
      <c r="AA3" s="76" t="s">
        <v>6</v>
      </c>
    </row>
    <row r="4" spans="1:27" ht="18.95" customHeight="1" x14ac:dyDescent="0.15">
      <c r="A4" s="37" t="s">
        <v>0</v>
      </c>
      <c r="B4" s="32" t="s">
        <v>34</v>
      </c>
      <c r="C4" s="35" t="s">
        <v>20</v>
      </c>
      <c r="D4" s="79" t="s">
        <v>46</v>
      </c>
      <c r="E4" s="79" t="s">
        <v>47</v>
      </c>
      <c r="F4" s="79" t="s">
        <v>2</v>
      </c>
      <c r="G4" s="79" t="s">
        <v>46</v>
      </c>
      <c r="H4" s="79" t="s">
        <v>47</v>
      </c>
      <c r="I4" s="79" t="s">
        <v>2</v>
      </c>
      <c r="J4" s="79" t="s">
        <v>46</v>
      </c>
      <c r="K4" s="79" t="s">
        <v>47</v>
      </c>
      <c r="L4" s="79" t="s">
        <v>2</v>
      </c>
      <c r="M4" s="80" t="s">
        <v>3</v>
      </c>
      <c r="N4" s="79" t="s">
        <v>46</v>
      </c>
      <c r="O4" s="79" t="s">
        <v>47</v>
      </c>
      <c r="P4" s="79" t="s">
        <v>2</v>
      </c>
      <c r="Q4" s="79" t="s">
        <v>46</v>
      </c>
      <c r="R4" s="79" t="s">
        <v>47</v>
      </c>
      <c r="S4" s="79" t="s">
        <v>2</v>
      </c>
      <c r="T4" s="79" t="s">
        <v>46</v>
      </c>
      <c r="U4" s="79" t="s">
        <v>47</v>
      </c>
      <c r="V4" s="79" t="s">
        <v>2</v>
      </c>
      <c r="W4" s="76" t="s">
        <v>44</v>
      </c>
      <c r="X4" s="78" t="s">
        <v>4</v>
      </c>
      <c r="Y4" s="78" t="s">
        <v>5</v>
      </c>
      <c r="Z4" s="76" t="s">
        <v>45</v>
      </c>
      <c r="AA4" s="76" t="s">
        <v>6</v>
      </c>
    </row>
    <row r="5" spans="1:27" ht="18" customHeight="1" x14ac:dyDescent="0.15">
      <c r="A5" s="47" t="s">
        <v>17</v>
      </c>
      <c r="B5" s="55" t="s">
        <v>49</v>
      </c>
      <c r="C5" s="55" t="s">
        <v>51</v>
      </c>
      <c r="D5" s="41">
        <v>2819.5499999999993</v>
      </c>
      <c r="E5" s="41">
        <v>1482979</v>
      </c>
      <c r="F5" s="41">
        <v>25815</v>
      </c>
      <c r="G5" s="41">
        <v>10.49</v>
      </c>
      <c r="H5" s="41">
        <v>1156</v>
      </c>
      <c r="I5" s="41">
        <v>17</v>
      </c>
      <c r="J5" s="41">
        <v>2830.0399999999991</v>
      </c>
      <c r="K5" s="41">
        <v>1484135</v>
      </c>
      <c r="L5" s="41">
        <v>25832</v>
      </c>
      <c r="M5" s="7">
        <v>0.36524374190151199</v>
      </c>
      <c r="N5" s="41">
        <v>113.67000000000002</v>
      </c>
      <c r="O5" s="41">
        <v>44101</v>
      </c>
      <c r="P5" s="41">
        <v>394</v>
      </c>
      <c r="Q5" s="41">
        <v>4589.79</v>
      </c>
      <c r="R5" s="41">
        <v>842643</v>
      </c>
      <c r="S5" s="41">
        <v>5108</v>
      </c>
      <c r="T5" s="41">
        <v>4703.46</v>
      </c>
      <c r="U5" s="41">
        <v>886744</v>
      </c>
      <c r="V5" s="41">
        <v>5502</v>
      </c>
      <c r="W5" s="41">
        <v>96.92</v>
      </c>
      <c r="X5" s="6">
        <v>0</v>
      </c>
      <c r="Y5" s="6">
        <v>96.92</v>
      </c>
      <c r="Z5" s="6">
        <v>117.94</v>
      </c>
      <c r="AA5" s="41">
        <v>7748.3599999999988</v>
      </c>
    </row>
    <row r="6" spans="1:27" ht="18" customHeight="1" x14ac:dyDescent="0.15">
      <c r="A6" s="47" t="s">
        <v>17</v>
      </c>
      <c r="B6" s="56" t="s">
        <v>21</v>
      </c>
      <c r="C6" s="56" t="s">
        <v>52</v>
      </c>
      <c r="D6" s="42">
        <v>6089.38</v>
      </c>
      <c r="E6" s="42">
        <v>3118850</v>
      </c>
      <c r="F6" s="42">
        <v>56945</v>
      </c>
      <c r="G6" s="42">
        <v>76.59</v>
      </c>
      <c r="H6" s="42">
        <v>8172</v>
      </c>
      <c r="I6" s="42">
        <v>204</v>
      </c>
      <c r="J6" s="42">
        <v>6165.97</v>
      </c>
      <c r="K6" s="42">
        <v>3127022</v>
      </c>
      <c r="L6" s="42">
        <v>57149</v>
      </c>
      <c r="M6" s="9">
        <v>0.40559161343497518</v>
      </c>
      <c r="N6" s="42">
        <v>313.89</v>
      </c>
      <c r="O6" s="42">
        <v>116686</v>
      </c>
      <c r="P6" s="42">
        <v>1227</v>
      </c>
      <c r="Q6" s="42">
        <v>8269.3099999999977</v>
      </c>
      <c r="R6" s="42">
        <v>1462943</v>
      </c>
      <c r="S6" s="42">
        <v>10109</v>
      </c>
      <c r="T6" s="42">
        <v>8583.1999999999971</v>
      </c>
      <c r="U6" s="42">
        <v>1579629</v>
      </c>
      <c r="V6" s="42">
        <v>11336</v>
      </c>
      <c r="W6" s="42">
        <v>232.80999999999997</v>
      </c>
      <c r="X6" s="8">
        <v>11.47</v>
      </c>
      <c r="Y6" s="8">
        <v>221.33999999999997</v>
      </c>
      <c r="Z6" s="8">
        <v>220.42999999999998</v>
      </c>
      <c r="AA6" s="42">
        <v>15202.409999999998</v>
      </c>
    </row>
    <row r="7" spans="1:27" ht="18" customHeight="1" x14ac:dyDescent="0.15">
      <c r="A7" s="47" t="s">
        <v>17</v>
      </c>
      <c r="B7" s="57" t="s">
        <v>21</v>
      </c>
      <c r="C7" s="57" t="s">
        <v>53</v>
      </c>
      <c r="D7" s="43">
        <v>2306.0600000000004</v>
      </c>
      <c r="E7" s="43">
        <v>1222194</v>
      </c>
      <c r="F7" s="43">
        <v>24513</v>
      </c>
      <c r="G7" s="43">
        <v>14.27</v>
      </c>
      <c r="H7" s="43">
        <v>1577</v>
      </c>
      <c r="I7" s="43">
        <v>25</v>
      </c>
      <c r="J7" s="43">
        <v>2320.3300000000004</v>
      </c>
      <c r="K7" s="43">
        <v>1223771</v>
      </c>
      <c r="L7" s="43">
        <v>24538</v>
      </c>
      <c r="M7" s="11">
        <v>0.43696129111230381</v>
      </c>
      <c r="N7" s="43">
        <v>86.43</v>
      </c>
      <c r="O7" s="43">
        <v>34380</v>
      </c>
      <c r="P7" s="43">
        <v>295</v>
      </c>
      <c r="Q7" s="43">
        <v>2836.3299999999995</v>
      </c>
      <c r="R7" s="43">
        <v>521275</v>
      </c>
      <c r="S7" s="43">
        <v>3290</v>
      </c>
      <c r="T7" s="43">
        <v>2922.7599999999993</v>
      </c>
      <c r="U7" s="43">
        <v>555655</v>
      </c>
      <c r="V7" s="43">
        <v>3585</v>
      </c>
      <c r="W7" s="43">
        <v>37.29</v>
      </c>
      <c r="X7" s="10">
        <v>1.35</v>
      </c>
      <c r="Y7" s="10">
        <v>35.94</v>
      </c>
      <c r="Z7" s="10">
        <v>29.770000000000003</v>
      </c>
      <c r="AA7" s="43">
        <v>5310.1500000000005</v>
      </c>
    </row>
    <row r="8" spans="1:27" ht="18" customHeight="1" x14ac:dyDescent="0.15">
      <c r="A8" s="47" t="s">
        <v>17</v>
      </c>
      <c r="B8" s="58" t="s">
        <v>21</v>
      </c>
      <c r="C8" s="58" t="s">
        <v>1</v>
      </c>
      <c r="D8" s="44">
        <v>8395.44</v>
      </c>
      <c r="E8" s="44">
        <v>4341044</v>
      </c>
      <c r="F8" s="44">
        <v>81458</v>
      </c>
      <c r="G8" s="44">
        <v>90.86</v>
      </c>
      <c r="H8" s="44">
        <v>9749</v>
      </c>
      <c r="I8" s="44">
        <v>229</v>
      </c>
      <c r="J8" s="44">
        <v>8486.3000000000011</v>
      </c>
      <c r="K8" s="44">
        <v>4350793</v>
      </c>
      <c r="L8" s="44">
        <v>81687</v>
      </c>
      <c r="M8" s="13">
        <v>0.41371237914721526</v>
      </c>
      <c r="N8" s="44">
        <v>400.32</v>
      </c>
      <c r="O8" s="44">
        <v>151066</v>
      </c>
      <c r="P8" s="44">
        <v>1522</v>
      </c>
      <c r="Q8" s="44">
        <v>11105.639999999998</v>
      </c>
      <c r="R8" s="44">
        <v>1984218</v>
      </c>
      <c r="S8" s="44">
        <v>13399</v>
      </c>
      <c r="T8" s="44">
        <v>11505.959999999995</v>
      </c>
      <c r="U8" s="44">
        <v>2135284</v>
      </c>
      <c r="V8" s="44">
        <v>14921</v>
      </c>
      <c r="W8" s="44">
        <v>270.09999999999997</v>
      </c>
      <c r="X8" s="12">
        <v>12.82</v>
      </c>
      <c r="Y8" s="12">
        <v>257.27999999999997</v>
      </c>
      <c r="Z8" s="12">
        <v>250.2</v>
      </c>
      <c r="AA8" s="44">
        <v>20512.559999999998</v>
      </c>
    </row>
    <row r="9" spans="1:27" ht="18" customHeight="1" x14ac:dyDescent="0.15">
      <c r="A9" s="47" t="s">
        <v>17</v>
      </c>
      <c r="B9" s="57" t="s">
        <v>22</v>
      </c>
      <c r="C9" s="57" t="s">
        <v>7</v>
      </c>
      <c r="D9" s="43">
        <v>2923.1900000000005</v>
      </c>
      <c r="E9" s="43">
        <v>1574989</v>
      </c>
      <c r="F9" s="43">
        <v>26770</v>
      </c>
      <c r="G9" s="43">
        <v>3.9800000000000004</v>
      </c>
      <c r="H9" s="43">
        <v>71</v>
      </c>
      <c r="I9" s="43">
        <v>1</v>
      </c>
      <c r="J9" s="43">
        <v>2927.1700000000005</v>
      </c>
      <c r="K9" s="43">
        <v>1575060</v>
      </c>
      <c r="L9" s="43">
        <v>26771</v>
      </c>
      <c r="M9" s="11">
        <v>0.46465007230468613</v>
      </c>
      <c r="N9" s="43">
        <v>138.35</v>
      </c>
      <c r="O9" s="43">
        <v>53570</v>
      </c>
      <c r="P9" s="43">
        <v>423</v>
      </c>
      <c r="Q9" s="43">
        <v>3089.48</v>
      </c>
      <c r="R9" s="43">
        <v>555006</v>
      </c>
      <c r="S9" s="43">
        <v>3378</v>
      </c>
      <c r="T9" s="43">
        <v>3227.83</v>
      </c>
      <c r="U9" s="43">
        <v>608576</v>
      </c>
      <c r="V9" s="43">
        <v>3801</v>
      </c>
      <c r="W9" s="43">
        <v>96.35</v>
      </c>
      <c r="X9" s="10">
        <v>5.38</v>
      </c>
      <c r="Y9" s="10">
        <v>90.97</v>
      </c>
      <c r="Z9" s="10">
        <v>48.38</v>
      </c>
      <c r="AA9" s="43">
        <v>6299.7300000000005</v>
      </c>
    </row>
    <row r="10" spans="1:27" ht="18" customHeight="1" x14ac:dyDescent="0.15">
      <c r="A10" s="47" t="s">
        <v>17</v>
      </c>
      <c r="B10" s="57" t="s">
        <v>50</v>
      </c>
      <c r="C10" s="57" t="s">
        <v>54</v>
      </c>
      <c r="D10" s="43">
        <v>7212.4899999999989</v>
      </c>
      <c r="E10" s="43">
        <v>3166762</v>
      </c>
      <c r="F10" s="43">
        <v>60598</v>
      </c>
      <c r="G10" s="43">
        <v>42.03</v>
      </c>
      <c r="H10" s="43">
        <v>3130</v>
      </c>
      <c r="I10" s="43">
        <v>131</v>
      </c>
      <c r="J10" s="43">
        <v>7254.5199999999986</v>
      </c>
      <c r="K10" s="43">
        <v>3169892</v>
      </c>
      <c r="L10" s="43">
        <v>60729</v>
      </c>
      <c r="M10" s="11">
        <v>0.40798132890925953</v>
      </c>
      <c r="N10" s="43">
        <v>1209.57</v>
      </c>
      <c r="O10" s="43">
        <v>490989</v>
      </c>
      <c r="P10" s="43">
        <v>3586</v>
      </c>
      <c r="Q10" s="43">
        <v>9144.94</v>
      </c>
      <c r="R10" s="43">
        <v>1685129</v>
      </c>
      <c r="S10" s="43">
        <v>10058</v>
      </c>
      <c r="T10" s="43">
        <v>10354.51</v>
      </c>
      <c r="U10" s="43">
        <v>2176118</v>
      </c>
      <c r="V10" s="43">
        <v>13644</v>
      </c>
      <c r="W10" s="43">
        <v>132.36000000000001</v>
      </c>
      <c r="X10" s="10">
        <v>4.6100000000000003</v>
      </c>
      <c r="Y10" s="10">
        <v>127.75</v>
      </c>
      <c r="Z10" s="10">
        <v>40.11</v>
      </c>
      <c r="AA10" s="43">
        <v>17781.5</v>
      </c>
    </row>
    <row r="11" spans="1:27" ht="18" customHeight="1" x14ac:dyDescent="0.15">
      <c r="A11" s="47" t="s">
        <v>17</v>
      </c>
      <c r="B11" s="57" t="s">
        <v>50</v>
      </c>
      <c r="C11" s="57" t="s">
        <v>55</v>
      </c>
      <c r="D11" s="43">
        <v>4694.2299999999987</v>
      </c>
      <c r="E11" s="43">
        <v>2109299</v>
      </c>
      <c r="F11" s="43">
        <v>39039</v>
      </c>
      <c r="G11" s="43">
        <v>12.160000000000002</v>
      </c>
      <c r="H11" s="43">
        <v>712</v>
      </c>
      <c r="I11" s="43">
        <v>53</v>
      </c>
      <c r="J11" s="43">
        <v>4706.3899999999985</v>
      </c>
      <c r="K11" s="43">
        <v>2110011</v>
      </c>
      <c r="L11" s="43">
        <v>39092</v>
      </c>
      <c r="M11" s="11">
        <v>0.42554755547437922</v>
      </c>
      <c r="N11" s="43">
        <v>645.14</v>
      </c>
      <c r="O11" s="43">
        <v>252881</v>
      </c>
      <c r="P11" s="43">
        <v>1847</v>
      </c>
      <c r="Q11" s="43">
        <v>5527.9100000000008</v>
      </c>
      <c r="R11" s="43">
        <v>1018468</v>
      </c>
      <c r="S11" s="43">
        <v>5926</v>
      </c>
      <c r="T11" s="43">
        <v>6173.0500000000011</v>
      </c>
      <c r="U11" s="43">
        <v>1271349</v>
      </c>
      <c r="V11" s="43">
        <v>7773</v>
      </c>
      <c r="W11" s="43">
        <v>123.83</v>
      </c>
      <c r="X11" s="10">
        <v>3.89</v>
      </c>
      <c r="Y11" s="10">
        <v>119.94</v>
      </c>
      <c r="Z11" s="10">
        <v>56.339999999999996</v>
      </c>
      <c r="AA11" s="43">
        <v>11059.609999999999</v>
      </c>
    </row>
    <row r="12" spans="1:27" ht="18" customHeight="1" x14ac:dyDescent="0.15">
      <c r="A12" s="47" t="s">
        <v>17</v>
      </c>
      <c r="B12" s="57" t="s">
        <v>50</v>
      </c>
      <c r="C12" s="57" t="s">
        <v>1</v>
      </c>
      <c r="D12" s="43">
        <v>14829.91</v>
      </c>
      <c r="E12" s="43">
        <v>6851050</v>
      </c>
      <c r="F12" s="43">
        <v>126407</v>
      </c>
      <c r="G12" s="43">
        <v>58.170000000000009</v>
      </c>
      <c r="H12" s="43">
        <v>3913</v>
      </c>
      <c r="I12" s="43">
        <v>185</v>
      </c>
      <c r="J12" s="43">
        <v>14888.079999999998</v>
      </c>
      <c r="K12" s="43">
        <v>6854963</v>
      </c>
      <c r="L12" s="43">
        <v>126592</v>
      </c>
      <c r="M12" s="11">
        <v>0.42366887074981702</v>
      </c>
      <c r="N12" s="43">
        <v>1993.06</v>
      </c>
      <c r="O12" s="43">
        <v>797440</v>
      </c>
      <c r="P12" s="43">
        <v>5856</v>
      </c>
      <c r="Q12" s="43">
        <v>17762.330000000002</v>
      </c>
      <c r="R12" s="43">
        <v>3258603</v>
      </c>
      <c r="S12" s="43">
        <v>19362</v>
      </c>
      <c r="T12" s="43">
        <v>19755.39</v>
      </c>
      <c r="U12" s="43">
        <v>4056043</v>
      </c>
      <c r="V12" s="43">
        <v>25218</v>
      </c>
      <c r="W12" s="43">
        <v>352.54</v>
      </c>
      <c r="X12" s="10">
        <v>13.88</v>
      </c>
      <c r="Y12" s="10">
        <v>338.65999999999997</v>
      </c>
      <c r="Z12" s="10">
        <v>144.83000000000001</v>
      </c>
      <c r="AA12" s="43">
        <v>35140.839999999997</v>
      </c>
    </row>
    <row r="13" spans="1:27" ht="18" customHeight="1" x14ac:dyDescent="0.15">
      <c r="A13" s="47" t="s">
        <v>17</v>
      </c>
      <c r="B13" s="56" t="s">
        <v>23</v>
      </c>
      <c r="C13" s="56" t="s">
        <v>56</v>
      </c>
      <c r="D13" s="42">
        <v>8597.1600000000017</v>
      </c>
      <c r="E13" s="42">
        <v>4027539</v>
      </c>
      <c r="F13" s="42">
        <v>71757</v>
      </c>
      <c r="G13" s="42">
        <v>72.489999999999981</v>
      </c>
      <c r="H13" s="42">
        <v>7773</v>
      </c>
      <c r="I13" s="42">
        <v>188</v>
      </c>
      <c r="J13" s="42">
        <v>8669.6500000000015</v>
      </c>
      <c r="K13" s="42">
        <v>4035312</v>
      </c>
      <c r="L13" s="42">
        <v>71945</v>
      </c>
      <c r="M13" s="9">
        <v>0.36261804906959832</v>
      </c>
      <c r="N13" s="42">
        <v>2601.1899999999996</v>
      </c>
      <c r="O13" s="42">
        <v>956938</v>
      </c>
      <c r="P13" s="42">
        <v>9430</v>
      </c>
      <c r="Q13" s="42">
        <v>11413.320000000002</v>
      </c>
      <c r="R13" s="42">
        <v>2005880</v>
      </c>
      <c r="S13" s="42">
        <v>13983</v>
      </c>
      <c r="T13" s="42">
        <v>14014.510000000002</v>
      </c>
      <c r="U13" s="42">
        <v>2962818</v>
      </c>
      <c r="V13" s="42">
        <v>23413</v>
      </c>
      <c r="W13" s="42">
        <v>543.56999999999994</v>
      </c>
      <c r="X13" s="8">
        <v>22.529999999999998</v>
      </c>
      <c r="Y13" s="42">
        <v>521.04</v>
      </c>
      <c r="Z13" s="42">
        <v>680.76</v>
      </c>
      <c r="AA13" s="42">
        <v>23908.49</v>
      </c>
    </row>
    <row r="14" spans="1:27" ht="18" customHeight="1" x14ac:dyDescent="0.15">
      <c r="A14" s="47" t="s">
        <v>17</v>
      </c>
      <c r="B14" s="57" t="s">
        <v>23</v>
      </c>
      <c r="C14" s="57" t="s">
        <v>57</v>
      </c>
      <c r="D14" s="43">
        <v>621.5100000000001</v>
      </c>
      <c r="E14" s="43">
        <v>329924</v>
      </c>
      <c r="F14" s="43">
        <v>5216</v>
      </c>
      <c r="G14" s="43">
        <v>1.97</v>
      </c>
      <c r="H14" s="43">
        <v>282</v>
      </c>
      <c r="I14" s="43">
        <v>3</v>
      </c>
      <c r="J14" s="43">
        <v>623.48000000000013</v>
      </c>
      <c r="K14" s="43">
        <v>330206</v>
      </c>
      <c r="L14" s="43">
        <v>5219</v>
      </c>
      <c r="M14" s="11">
        <v>0.26664727869918142</v>
      </c>
      <c r="N14" s="43">
        <v>227.46</v>
      </c>
      <c r="O14" s="43">
        <v>82745</v>
      </c>
      <c r="P14" s="43">
        <v>798</v>
      </c>
      <c r="Q14" s="43">
        <v>1340.5900000000004</v>
      </c>
      <c r="R14" s="43">
        <v>235181</v>
      </c>
      <c r="S14" s="43">
        <v>1652</v>
      </c>
      <c r="T14" s="43">
        <v>1568.0500000000004</v>
      </c>
      <c r="U14" s="43">
        <v>317926</v>
      </c>
      <c r="V14" s="43">
        <v>2450</v>
      </c>
      <c r="W14" s="43">
        <v>49.65</v>
      </c>
      <c r="X14" s="10">
        <v>0.78</v>
      </c>
      <c r="Y14" s="43">
        <v>48.87</v>
      </c>
      <c r="Z14" s="43">
        <v>97.039999999999992</v>
      </c>
      <c r="AA14" s="43">
        <v>2338.2200000000007</v>
      </c>
    </row>
    <row r="15" spans="1:27" ht="18" customHeight="1" x14ac:dyDescent="0.15">
      <c r="A15" s="47" t="s">
        <v>17</v>
      </c>
      <c r="B15" s="57" t="s">
        <v>23</v>
      </c>
      <c r="C15" s="57" t="s">
        <v>9</v>
      </c>
      <c r="D15" s="43">
        <v>1796.56</v>
      </c>
      <c r="E15" s="43">
        <v>976372</v>
      </c>
      <c r="F15" s="43">
        <v>15741</v>
      </c>
      <c r="G15" s="43">
        <v>5.63</v>
      </c>
      <c r="H15" s="43">
        <v>325</v>
      </c>
      <c r="I15" s="43">
        <v>23</v>
      </c>
      <c r="J15" s="43">
        <v>1802.19</v>
      </c>
      <c r="K15" s="43">
        <v>976697</v>
      </c>
      <c r="L15" s="43">
        <v>15764</v>
      </c>
      <c r="M15" s="11">
        <v>0.31453863513001717</v>
      </c>
      <c r="N15" s="43">
        <v>350.92</v>
      </c>
      <c r="O15" s="43">
        <v>127204</v>
      </c>
      <c r="P15" s="43">
        <v>1025</v>
      </c>
      <c r="Q15" s="43">
        <v>3287.6899999999996</v>
      </c>
      <c r="R15" s="43">
        <v>601389</v>
      </c>
      <c r="S15" s="43">
        <v>3609</v>
      </c>
      <c r="T15" s="43">
        <v>3638.6099999999997</v>
      </c>
      <c r="U15" s="43">
        <v>728593</v>
      </c>
      <c r="V15" s="43">
        <v>4634</v>
      </c>
      <c r="W15" s="43">
        <v>90.58</v>
      </c>
      <c r="X15" s="10">
        <v>0.14000000000000001</v>
      </c>
      <c r="Y15" s="43">
        <v>90.44</v>
      </c>
      <c r="Z15" s="43">
        <v>198.25000000000003</v>
      </c>
      <c r="AA15" s="43">
        <v>5729.6299999999992</v>
      </c>
    </row>
    <row r="16" spans="1:27" ht="18" customHeight="1" x14ac:dyDescent="0.15">
      <c r="A16" s="47" t="s">
        <v>17</v>
      </c>
      <c r="B16" s="59" t="s">
        <v>23</v>
      </c>
      <c r="C16" s="59" t="s">
        <v>1</v>
      </c>
      <c r="D16" s="45">
        <v>11015.230000000001</v>
      </c>
      <c r="E16" s="45">
        <v>5333835</v>
      </c>
      <c r="F16" s="45">
        <v>92714</v>
      </c>
      <c r="G16" s="45">
        <v>80.089999999999975</v>
      </c>
      <c r="H16" s="45">
        <v>8380</v>
      </c>
      <c r="I16" s="45">
        <v>214</v>
      </c>
      <c r="J16" s="45">
        <v>11095.320000000002</v>
      </c>
      <c r="K16" s="45">
        <v>5342215</v>
      </c>
      <c r="L16" s="45">
        <v>92928</v>
      </c>
      <c r="M16" s="15">
        <v>0.3469853022578569</v>
      </c>
      <c r="N16" s="45">
        <v>3179.5699999999997</v>
      </c>
      <c r="O16" s="45">
        <v>1166887</v>
      </c>
      <c r="P16" s="45">
        <v>11253</v>
      </c>
      <c r="Q16" s="45">
        <v>16041.600000000002</v>
      </c>
      <c r="R16" s="45">
        <v>2842450</v>
      </c>
      <c r="S16" s="45">
        <v>19244</v>
      </c>
      <c r="T16" s="45">
        <v>19221.170000000002</v>
      </c>
      <c r="U16" s="45">
        <v>4009337</v>
      </c>
      <c r="V16" s="45">
        <v>30497</v>
      </c>
      <c r="W16" s="45">
        <v>683.8</v>
      </c>
      <c r="X16" s="14">
        <v>23.45</v>
      </c>
      <c r="Y16" s="45">
        <v>660.34999999999991</v>
      </c>
      <c r="Z16" s="45">
        <v>976.05</v>
      </c>
      <c r="AA16" s="45">
        <v>31976.340000000004</v>
      </c>
    </row>
    <row r="17" spans="1:27" ht="18" customHeight="1" x14ac:dyDescent="0.15">
      <c r="A17" s="47" t="s">
        <v>17</v>
      </c>
      <c r="B17" s="53" t="s">
        <v>35</v>
      </c>
      <c r="C17" s="53" t="s">
        <v>35</v>
      </c>
      <c r="D17" s="46">
        <v>37060.130000000005</v>
      </c>
      <c r="E17" s="46">
        <v>18008908</v>
      </c>
      <c r="F17" s="46">
        <v>326394</v>
      </c>
      <c r="G17" s="46">
        <v>239.60999999999999</v>
      </c>
      <c r="H17" s="46">
        <v>23198</v>
      </c>
      <c r="I17" s="46">
        <v>645</v>
      </c>
      <c r="J17" s="46">
        <v>37299.74</v>
      </c>
      <c r="K17" s="46">
        <v>18032106</v>
      </c>
      <c r="L17" s="46">
        <v>327039</v>
      </c>
      <c r="M17" s="17">
        <v>0.39107237405651818</v>
      </c>
      <c r="N17" s="46">
        <v>5686.62</v>
      </c>
      <c r="O17" s="46">
        <v>2159494</v>
      </c>
      <c r="P17" s="46">
        <v>19025</v>
      </c>
      <c r="Q17" s="46">
        <v>49499.360000000001</v>
      </c>
      <c r="R17" s="46">
        <v>8927914</v>
      </c>
      <c r="S17" s="46">
        <v>57113</v>
      </c>
      <c r="T17" s="46">
        <v>55185.979999999996</v>
      </c>
      <c r="U17" s="46">
        <v>11087408</v>
      </c>
      <c r="V17" s="46">
        <v>76138</v>
      </c>
      <c r="W17" s="46">
        <v>1403.36</v>
      </c>
      <c r="X17" s="16">
        <v>50.150000000000006</v>
      </c>
      <c r="Y17" s="46">
        <v>1353.2099999999998</v>
      </c>
      <c r="Z17" s="46">
        <v>1489.02</v>
      </c>
      <c r="AA17" s="46">
        <v>95378.1</v>
      </c>
    </row>
    <row r="18" spans="1:27" ht="18" customHeight="1" x14ac:dyDescent="0.15">
      <c r="A18" s="47" t="s">
        <v>17</v>
      </c>
      <c r="B18" s="55" t="s">
        <v>24</v>
      </c>
      <c r="C18" s="55" t="s">
        <v>58</v>
      </c>
      <c r="D18" s="41">
        <v>2484.92</v>
      </c>
      <c r="E18" s="41">
        <v>1166867</v>
      </c>
      <c r="F18" s="41">
        <v>21005</v>
      </c>
      <c r="G18" s="41">
        <v>15.45</v>
      </c>
      <c r="H18" s="41">
        <v>1416</v>
      </c>
      <c r="I18" s="41">
        <v>37</v>
      </c>
      <c r="J18" s="41">
        <v>2500.37</v>
      </c>
      <c r="K18" s="41">
        <v>1168283</v>
      </c>
      <c r="L18" s="41">
        <v>21042</v>
      </c>
      <c r="M18" s="7">
        <v>0.21874909779349813</v>
      </c>
      <c r="N18" s="41">
        <v>1098.6299999999999</v>
      </c>
      <c r="O18" s="41">
        <v>394456</v>
      </c>
      <c r="P18" s="41">
        <v>3366</v>
      </c>
      <c r="Q18" s="41">
        <v>6836.42</v>
      </c>
      <c r="R18" s="41">
        <v>1226536</v>
      </c>
      <c r="S18" s="41">
        <v>7771</v>
      </c>
      <c r="T18" s="41">
        <v>7935.05</v>
      </c>
      <c r="U18" s="41">
        <v>1620992</v>
      </c>
      <c r="V18" s="41">
        <v>11137</v>
      </c>
      <c r="W18" s="41">
        <v>410.18</v>
      </c>
      <c r="X18" s="6">
        <v>4.2699999999999996</v>
      </c>
      <c r="Y18" s="41">
        <v>405.91</v>
      </c>
      <c r="Z18" s="41">
        <v>584.71</v>
      </c>
      <c r="AA18" s="41">
        <v>11430.310000000001</v>
      </c>
    </row>
    <row r="19" spans="1:27" ht="18" customHeight="1" x14ac:dyDescent="0.15">
      <c r="A19" s="47" t="s">
        <v>17</v>
      </c>
      <c r="B19" s="57" t="s">
        <v>24</v>
      </c>
      <c r="C19" s="57" t="s">
        <v>59</v>
      </c>
      <c r="D19" s="43">
        <v>3002.27</v>
      </c>
      <c r="E19" s="43">
        <v>1455237</v>
      </c>
      <c r="F19" s="43">
        <v>29343</v>
      </c>
      <c r="G19" s="43">
        <v>22.349999999999998</v>
      </c>
      <c r="H19" s="43">
        <v>1786</v>
      </c>
      <c r="I19" s="43">
        <v>72</v>
      </c>
      <c r="J19" s="43">
        <v>3024.62</v>
      </c>
      <c r="K19" s="43">
        <v>1457023</v>
      </c>
      <c r="L19" s="43">
        <v>29415</v>
      </c>
      <c r="M19" s="11">
        <v>0.22054353128356427</v>
      </c>
      <c r="N19" s="43">
        <v>968.48</v>
      </c>
      <c r="O19" s="43">
        <v>357756</v>
      </c>
      <c r="P19" s="43">
        <v>3998</v>
      </c>
      <c r="Q19" s="43">
        <v>9362.1599999999962</v>
      </c>
      <c r="R19" s="43">
        <v>1617651</v>
      </c>
      <c r="S19" s="43">
        <v>14188</v>
      </c>
      <c r="T19" s="43">
        <v>10330.639999999996</v>
      </c>
      <c r="U19" s="43">
        <v>1975407</v>
      </c>
      <c r="V19" s="43">
        <v>18186</v>
      </c>
      <c r="W19" s="43">
        <v>290.53000000000003</v>
      </c>
      <c r="X19" s="10">
        <v>8.67</v>
      </c>
      <c r="Y19" s="43">
        <v>281.86</v>
      </c>
      <c r="Z19" s="43">
        <v>68.599999999999994</v>
      </c>
      <c r="AA19" s="43">
        <v>13714.389999999996</v>
      </c>
    </row>
    <row r="20" spans="1:27" ht="18" customHeight="1" x14ac:dyDescent="0.15">
      <c r="A20" s="47" t="s">
        <v>17</v>
      </c>
      <c r="B20" s="57" t="s">
        <v>24</v>
      </c>
      <c r="C20" s="57" t="s">
        <v>8</v>
      </c>
      <c r="D20" s="43">
        <v>3896.8399999999992</v>
      </c>
      <c r="E20" s="43">
        <v>2089996</v>
      </c>
      <c r="F20" s="43">
        <v>36818</v>
      </c>
      <c r="G20" s="43">
        <v>34.79</v>
      </c>
      <c r="H20" s="43">
        <v>3428</v>
      </c>
      <c r="I20" s="43">
        <v>69</v>
      </c>
      <c r="J20" s="43">
        <v>3931.6299999999992</v>
      </c>
      <c r="K20" s="43">
        <v>2093424</v>
      </c>
      <c r="L20" s="43">
        <v>36887</v>
      </c>
      <c r="M20" s="11">
        <v>0.38040865849788286</v>
      </c>
      <c r="N20" s="43">
        <v>489.21000000000004</v>
      </c>
      <c r="O20" s="43">
        <v>183419</v>
      </c>
      <c r="P20" s="43">
        <v>1949</v>
      </c>
      <c r="Q20" s="43">
        <v>5656.3600000000006</v>
      </c>
      <c r="R20" s="43">
        <v>1011652</v>
      </c>
      <c r="S20" s="43">
        <v>7154</v>
      </c>
      <c r="T20" s="43">
        <v>6145.5700000000006</v>
      </c>
      <c r="U20" s="43">
        <v>1195071</v>
      </c>
      <c r="V20" s="43">
        <v>9103</v>
      </c>
      <c r="W20" s="43">
        <v>201.88</v>
      </c>
      <c r="X20" s="10">
        <v>20.010000000000002</v>
      </c>
      <c r="Y20" s="43">
        <v>181.87</v>
      </c>
      <c r="Z20" s="43">
        <v>56.199999999999996</v>
      </c>
      <c r="AA20" s="43">
        <v>10335.280000000001</v>
      </c>
    </row>
    <row r="21" spans="1:27" ht="18" customHeight="1" x14ac:dyDescent="0.15">
      <c r="A21" s="47" t="s">
        <v>17</v>
      </c>
      <c r="B21" s="57" t="s">
        <v>24</v>
      </c>
      <c r="C21" s="57" t="s">
        <v>60</v>
      </c>
      <c r="D21" s="43">
        <v>2780.95</v>
      </c>
      <c r="E21" s="43">
        <v>1382333</v>
      </c>
      <c r="F21" s="43">
        <v>26643</v>
      </c>
      <c r="G21" s="43">
        <v>35.300000000000004</v>
      </c>
      <c r="H21" s="43">
        <v>3051</v>
      </c>
      <c r="I21" s="43">
        <v>124</v>
      </c>
      <c r="J21" s="43">
        <v>2816.25</v>
      </c>
      <c r="K21" s="43">
        <v>1385384</v>
      </c>
      <c r="L21" s="43">
        <v>26767</v>
      </c>
      <c r="M21" s="11">
        <v>0.33015091105825317</v>
      </c>
      <c r="N21" s="43">
        <v>276.45000000000005</v>
      </c>
      <c r="O21" s="43">
        <v>101967</v>
      </c>
      <c r="P21" s="43">
        <v>1109</v>
      </c>
      <c r="Q21" s="43">
        <v>5124.8599999999988</v>
      </c>
      <c r="R21" s="43">
        <v>876529</v>
      </c>
      <c r="S21" s="43">
        <v>7634</v>
      </c>
      <c r="T21" s="43">
        <v>5401.3099999999986</v>
      </c>
      <c r="U21" s="43">
        <v>978496</v>
      </c>
      <c r="V21" s="43">
        <v>8743</v>
      </c>
      <c r="W21" s="43">
        <v>201.7</v>
      </c>
      <c r="X21" s="10">
        <v>10.29</v>
      </c>
      <c r="Y21" s="43">
        <v>191.41</v>
      </c>
      <c r="Z21" s="43">
        <v>110.93</v>
      </c>
      <c r="AA21" s="43">
        <v>8530.1899999999987</v>
      </c>
    </row>
    <row r="22" spans="1:27" ht="18" customHeight="1" x14ac:dyDescent="0.15">
      <c r="A22" s="47" t="s">
        <v>17</v>
      </c>
      <c r="B22" s="57" t="s">
        <v>24</v>
      </c>
      <c r="C22" s="57" t="s">
        <v>61</v>
      </c>
      <c r="D22" s="43">
        <v>2227.2400000000002</v>
      </c>
      <c r="E22" s="43">
        <v>1163553</v>
      </c>
      <c r="F22" s="43">
        <v>18457</v>
      </c>
      <c r="G22" s="43">
        <v>7.69</v>
      </c>
      <c r="H22" s="43">
        <v>900</v>
      </c>
      <c r="I22" s="43">
        <v>18</v>
      </c>
      <c r="J22" s="43">
        <v>2234.9300000000003</v>
      </c>
      <c r="K22" s="43">
        <v>1164453</v>
      </c>
      <c r="L22" s="43">
        <v>18475</v>
      </c>
      <c r="M22" s="11">
        <v>0.21756606525044739</v>
      </c>
      <c r="N22" s="43">
        <v>533.19999999999993</v>
      </c>
      <c r="O22" s="43">
        <v>189089</v>
      </c>
      <c r="P22" s="43">
        <v>1848</v>
      </c>
      <c r="Q22" s="43">
        <v>7061.65</v>
      </c>
      <c r="R22" s="43">
        <v>1270297</v>
      </c>
      <c r="S22" s="43">
        <v>8278</v>
      </c>
      <c r="T22" s="43">
        <v>7594.8499999999995</v>
      </c>
      <c r="U22" s="43">
        <v>1459386</v>
      </c>
      <c r="V22" s="43">
        <v>10126</v>
      </c>
      <c r="W22" s="43">
        <v>154.18</v>
      </c>
      <c r="X22" s="10">
        <v>2.79</v>
      </c>
      <c r="Y22" s="43">
        <v>151.39000000000001</v>
      </c>
      <c r="Z22" s="43">
        <v>288.45999999999998</v>
      </c>
      <c r="AA22" s="43">
        <v>10272.419999999998</v>
      </c>
    </row>
    <row r="23" spans="1:27" ht="18" customHeight="1" x14ac:dyDescent="0.15">
      <c r="A23" s="47" t="s">
        <v>17</v>
      </c>
      <c r="B23" s="57" t="s">
        <v>24</v>
      </c>
      <c r="C23" s="60" t="s">
        <v>1</v>
      </c>
      <c r="D23" s="43">
        <v>14392.22</v>
      </c>
      <c r="E23" s="43">
        <v>7257986</v>
      </c>
      <c r="F23" s="43">
        <v>132266</v>
      </c>
      <c r="G23" s="43">
        <v>115.58000000000001</v>
      </c>
      <c r="H23" s="43">
        <v>10581</v>
      </c>
      <c r="I23" s="43">
        <v>320</v>
      </c>
      <c r="J23" s="43">
        <v>14507.8</v>
      </c>
      <c r="K23" s="43">
        <v>7268567</v>
      </c>
      <c r="L23" s="43">
        <v>132586</v>
      </c>
      <c r="M23" s="11">
        <v>0.26726432913388987</v>
      </c>
      <c r="N23" s="43">
        <v>3365.9699999999993</v>
      </c>
      <c r="O23" s="43">
        <v>1226687</v>
      </c>
      <c r="P23" s="43">
        <v>12270</v>
      </c>
      <c r="Q23" s="43">
        <v>34041.449999999997</v>
      </c>
      <c r="R23" s="43">
        <v>6002665</v>
      </c>
      <c r="S23" s="43">
        <v>45025</v>
      </c>
      <c r="T23" s="43">
        <v>37407.419999999991</v>
      </c>
      <c r="U23" s="43">
        <v>7229352</v>
      </c>
      <c r="V23" s="43">
        <v>57295</v>
      </c>
      <c r="W23" s="43">
        <v>1258.47</v>
      </c>
      <c r="X23" s="10">
        <v>46.03</v>
      </c>
      <c r="Y23" s="43">
        <v>1212.44</v>
      </c>
      <c r="Z23" s="43">
        <v>1108.9000000000001</v>
      </c>
      <c r="AA23" s="43">
        <v>54282.59</v>
      </c>
    </row>
    <row r="24" spans="1:27" ht="18" customHeight="1" x14ac:dyDescent="0.15">
      <c r="A24" s="47" t="s">
        <v>17</v>
      </c>
      <c r="B24" s="56" t="s">
        <v>25</v>
      </c>
      <c r="C24" s="56" t="s">
        <v>62</v>
      </c>
      <c r="D24" s="42">
        <v>4108.2999999999993</v>
      </c>
      <c r="E24" s="42">
        <v>1685448</v>
      </c>
      <c r="F24" s="42">
        <v>33046</v>
      </c>
      <c r="G24" s="42">
        <v>76.97</v>
      </c>
      <c r="H24" s="42">
        <v>6625</v>
      </c>
      <c r="I24" s="42">
        <v>261</v>
      </c>
      <c r="J24" s="42">
        <v>4185.2699999999995</v>
      </c>
      <c r="K24" s="42">
        <v>1692073</v>
      </c>
      <c r="L24" s="42">
        <v>33307</v>
      </c>
      <c r="M24" s="9">
        <v>0.36295653908360465</v>
      </c>
      <c r="N24" s="42">
        <v>1386.75</v>
      </c>
      <c r="O24" s="42">
        <v>549020</v>
      </c>
      <c r="P24" s="42">
        <v>4893</v>
      </c>
      <c r="Q24" s="42">
        <v>5441.4900000000007</v>
      </c>
      <c r="R24" s="42">
        <v>977324</v>
      </c>
      <c r="S24" s="42">
        <v>6422</v>
      </c>
      <c r="T24" s="42">
        <v>6828.2400000000007</v>
      </c>
      <c r="U24" s="42">
        <v>1526344</v>
      </c>
      <c r="V24" s="42">
        <v>11315</v>
      </c>
      <c r="W24" s="42">
        <v>253.7</v>
      </c>
      <c r="X24" s="8">
        <v>0.88</v>
      </c>
      <c r="Y24" s="42">
        <v>252.82</v>
      </c>
      <c r="Z24" s="42">
        <v>263.83999999999997</v>
      </c>
      <c r="AA24" s="42">
        <v>11531.050000000001</v>
      </c>
    </row>
    <row r="25" spans="1:27" ht="18" customHeight="1" x14ac:dyDescent="0.15">
      <c r="A25" s="47" t="s">
        <v>17</v>
      </c>
      <c r="B25" s="57" t="s">
        <v>25</v>
      </c>
      <c r="C25" s="57" t="s">
        <v>63</v>
      </c>
      <c r="D25" s="43">
        <v>2546.31</v>
      </c>
      <c r="E25" s="43">
        <v>1428358</v>
      </c>
      <c r="F25" s="43">
        <v>22931</v>
      </c>
      <c r="G25" s="43">
        <v>5.7299999999999995</v>
      </c>
      <c r="H25" s="43">
        <v>671</v>
      </c>
      <c r="I25" s="43">
        <v>17</v>
      </c>
      <c r="J25" s="43">
        <v>2552.04</v>
      </c>
      <c r="K25" s="43">
        <v>1429029</v>
      </c>
      <c r="L25" s="43">
        <v>22948</v>
      </c>
      <c r="M25" s="11">
        <v>0.29136136234418913</v>
      </c>
      <c r="N25" s="43">
        <v>155.44999999999999</v>
      </c>
      <c r="O25" s="43">
        <v>59719</v>
      </c>
      <c r="P25" s="43">
        <v>599</v>
      </c>
      <c r="Q25" s="43">
        <v>5832.8200000000015</v>
      </c>
      <c r="R25" s="43">
        <v>1070584</v>
      </c>
      <c r="S25" s="43">
        <v>6765</v>
      </c>
      <c r="T25" s="43">
        <v>5988.2700000000013</v>
      </c>
      <c r="U25" s="43">
        <v>1130303</v>
      </c>
      <c r="V25" s="43">
        <v>7364</v>
      </c>
      <c r="W25" s="43">
        <v>59.699999999999996</v>
      </c>
      <c r="X25" s="10">
        <v>1.1200000000000001</v>
      </c>
      <c r="Y25" s="43">
        <v>58.58</v>
      </c>
      <c r="Z25" s="43">
        <v>159.01000000000002</v>
      </c>
      <c r="AA25" s="43">
        <v>8759.0200000000023</v>
      </c>
    </row>
    <row r="26" spans="1:27" ht="18" customHeight="1" x14ac:dyDescent="0.15">
      <c r="A26" s="47" t="s">
        <v>17</v>
      </c>
      <c r="B26" s="59" t="s">
        <v>25</v>
      </c>
      <c r="C26" s="29" t="s">
        <v>1</v>
      </c>
      <c r="D26" s="45">
        <v>6654.6099999999988</v>
      </c>
      <c r="E26" s="45">
        <v>3113806</v>
      </c>
      <c r="F26" s="45">
        <v>55977</v>
      </c>
      <c r="G26" s="45">
        <v>82.7</v>
      </c>
      <c r="H26" s="45">
        <v>7296</v>
      </c>
      <c r="I26" s="45">
        <v>278</v>
      </c>
      <c r="J26" s="45">
        <v>6737.3099999999995</v>
      </c>
      <c r="K26" s="45">
        <v>3121102</v>
      </c>
      <c r="L26" s="45">
        <v>56255</v>
      </c>
      <c r="M26" s="15">
        <v>0.33204961836011399</v>
      </c>
      <c r="N26" s="45">
        <v>1542.2</v>
      </c>
      <c r="O26" s="45">
        <v>608739</v>
      </c>
      <c r="P26" s="45">
        <v>5492</v>
      </c>
      <c r="Q26" s="45">
        <v>11274.310000000001</v>
      </c>
      <c r="R26" s="45">
        <v>2047908</v>
      </c>
      <c r="S26" s="45">
        <v>13187</v>
      </c>
      <c r="T26" s="45">
        <v>12816.510000000002</v>
      </c>
      <c r="U26" s="45">
        <v>2656647</v>
      </c>
      <c r="V26" s="45">
        <v>18679</v>
      </c>
      <c r="W26" s="45">
        <v>313.39999999999998</v>
      </c>
      <c r="X26" s="14">
        <v>2</v>
      </c>
      <c r="Y26" s="45">
        <v>311.39999999999998</v>
      </c>
      <c r="Z26" s="45">
        <v>422.85</v>
      </c>
      <c r="AA26" s="45">
        <v>20290.070000000003</v>
      </c>
    </row>
    <row r="27" spans="1:27" ht="18" customHeight="1" x14ac:dyDescent="0.15">
      <c r="A27" s="47" t="s">
        <v>17</v>
      </c>
      <c r="B27" s="53" t="s">
        <v>35</v>
      </c>
      <c r="C27" s="53" t="s">
        <v>35</v>
      </c>
      <c r="D27" s="46">
        <v>21046.829999999998</v>
      </c>
      <c r="E27" s="46">
        <v>10371792</v>
      </c>
      <c r="F27" s="46">
        <v>188243</v>
      </c>
      <c r="G27" s="46">
        <v>198.28000000000003</v>
      </c>
      <c r="H27" s="46">
        <v>17877</v>
      </c>
      <c r="I27" s="46">
        <v>598</v>
      </c>
      <c r="J27" s="46">
        <v>21245.11</v>
      </c>
      <c r="K27" s="46">
        <v>10389669</v>
      </c>
      <c r="L27" s="46">
        <v>188841</v>
      </c>
      <c r="M27" s="17">
        <v>0.28489140658251966</v>
      </c>
      <c r="N27" s="46">
        <v>4908.1699999999992</v>
      </c>
      <c r="O27" s="46">
        <v>1835426</v>
      </c>
      <c r="P27" s="46">
        <v>17762</v>
      </c>
      <c r="Q27" s="46">
        <v>45315.759999999995</v>
      </c>
      <c r="R27" s="46">
        <v>8050573</v>
      </c>
      <c r="S27" s="46">
        <v>58212</v>
      </c>
      <c r="T27" s="46">
        <v>50223.929999999993</v>
      </c>
      <c r="U27" s="46">
        <v>9885999</v>
      </c>
      <c r="V27" s="46">
        <v>75974</v>
      </c>
      <c r="W27" s="46">
        <v>1571.87</v>
      </c>
      <c r="X27" s="16">
        <v>48.03</v>
      </c>
      <c r="Y27" s="46">
        <v>1523.8400000000001</v>
      </c>
      <c r="Z27" s="46">
        <v>1531.75</v>
      </c>
      <c r="AA27" s="46">
        <v>74572.66</v>
      </c>
    </row>
    <row r="28" spans="1:27" ht="18" customHeight="1" x14ac:dyDescent="0.15">
      <c r="A28" s="47" t="s">
        <v>17</v>
      </c>
      <c r="B28" s="54" t="s">
        <v>1</v>
      </c>
      <c r="C28" s="54" t="s">
        <v>1</v>
      </c>
      <c r="D28" s="41">
        <v>58106.960000000006</v>
      </c>
      <c r="E28" s="41">
        <v>28380700</v>
      </c>
      <c r="F28" s="41">
        <v>514637</v>
      </c>
      <c r="G28" s="41">
        <v>437.89</v>
      </c>
      <c r="H28" s="41">
        <v>41075</v>
      </c>
      <c r="I28" s="41">
        <v>1243</v>
      </c>
      <c r="J28" s="41">
        <v>58544.85</v>
      </c>
      <c r="K28" s="41">
        <v>28421775</v>
      </c>
      <c r="L28" s="41">
        <v>515880</v>
      </c>
      <c r="M28" s="7">
        <v>0.34448124856870305</v>
      </c>
      <c r="N28" s="41">
        <v>10594.789999999999</v>
      </c>
      <c r="O28" s="41">
        <v>3994920</v>
      </c>
      <c r="P28" s="41">
        <v>36787</v>
      </c>
      <c r="Q28" s="41">
        <v>94815.12</v>
      </c>
      <c r="R28" s="41">
        <v>16978487</v>
      </c>
      <c r="S28" s="41">
        <v>115325</v>
      </c>
      <c r="T28" s="41">
        <v>105409.90999999999</v>
      </c>
      <c r="U28" s="41">
        <v>20973407</v>
      </c>
      <c r="V28" s="41">
        <v>152112</v>
      </c>
      <c r="W28" s="41">
        <v>2975.2299999999996</v>
      </c>
      <c r="X28" s="6">
        <v>98.18</v>
      </c>
      <c r="Y28" s="41">
        <v>2877.05</v>
      </c>
      <c r="Z28" s="41">
        <v>3020.77</v>
      </c>
      <c r="AA28" s="41">
        <v>169950.76</v>
      </c>
    </row>
    <row r="29" spans="1:27" ht="18" customHeight="1" x14ac:dyDescent="0.15">
      <c r="A29" s="47" t="s">
        <v>18</v>
      </c>
      <c r="B29" s="55" t="s">
        <v>26</v>
      </c>
      <c r="C29" s="55" t="s">
        <v>64</v>
      </c>
      <c r="D29" s="41">
        <v>2732.78</v>
      </c>
      <c r="E29" s="41">
        <v>1297220</v>
      </c>
      <c r="F29" s="41">
        <v>20756</v>
      </c>
      <c r="G29" s="41">
        <v>31.94</v>
      </c>
      <c r="H29" s="41">
        <v>1862</v>
      </c>
      <c r="I29" s="41">
        <v>80</v>
      </c>
      <c r="J29" s="41">
        <v>2764.7200000000003</v>
      </c>
      <c r="K29" s="41">
        <v>1299082</v>
      </c>
      <c r="L29" s="41">
        <v>20836</v>
      </c>
      <c r="M29" s="7">
        <v>0.30834087999250548</v>
      </c>
      <c r="N29" s="41">
        <v>1490.25</v>
      </c>
      <c r="O29" s="41">
        <v>574855</v>
      </c>
      <c r="P29" s="41">
        <v>4478</v>
      </c>
      <c r="Q29" s="41">
        <v>3912.83</v>
      </c>
      <c r="R29" s="41">
        <v>691881</v>
      </c>
      <c r="S29" s="41">
        <v>3907</v>
      </c>
      <c r="T29" s="41">
        <v>5403.08</v>
      </c>
      <c r="U29" s="41">
        <v>1266736</v>
      </c>
      <c r="V29" s="41">
        <v>8385</v>
      </c>
      <c r="W29" s="41">
        <v>175.17000000000002</v>
      </c>
      <c r="X29" s="6">
        <v>2.13</v>
      </c>
      <c r="Y29" s="41">
        <v>173.04000000000002</v>
      </c>
      <c r="Z29" s="41">
        <v>623.47</v>
      </c>
      <c r="AA29" s="41">
        <v>8966.4399999999987</v>
      </c>
    </row>
    <row r="30" spans="1:27" ht="18" customHeight="1" x14ac:dyDescent="0.15">
      <c r="A30" s="47" t="s">
        <v>18</v>
      </c>
      <c r="B30" s="57" t="s">
        <v>26</v>
      </c>
      <c r="C30" s="57" t="s">
        <v>65</v>
      </c>
      <c r="D30" s="43">
        <v>402.4500000000001</v>
      </c>
      <c r="E30" s="43">
        <v>210581</v>
      </c>
      <c r="F30" s="43">
        <v>3379</v>
      </c>
      <c r="G30" s="43">
        <v>0.62000000000000011</v>
      </c>
      <c r="H30" s="43">
        <v>35</v>
      </c>
      <c r="I30" s="43">
        <v>1</v>
      </c>
      <c r="J30" s="43">
        <v>403.07000000000011</v>
      </c>
      <c r="K30" s="43">
        <v>210616</v>
      </c>
      <c r="L30" s="43">
        <v>3380</v>
      </c>
      <c r="M30" s="11">
        <v>0.20012511853988652</v>
      </c>
      <c r="N30" s="43">
        <v>88.700000000000031</v>
      </c>
      <c r="O30" s="43">
        <v>30381</v>
      </c>
      <c r="P30" s="43">
        <v>275</v>
      </c>
      <c r="Q30" s="43">
        <v>1354.7300000000002</v>
      </c>
      <c r="R30" s="43">
        <v>236363</v>
      </c>
      <c r="S30" s="43">
        <v>1099</v>
      </c>
      <c r="T30" s="43">
        <v>1443.4300000000003</v>
      </c>
      <c r="U30" s="43">
        <v>266744</v>
      </c>
      <c r="V30" s="43">
        <v>1374</v>
      </c>
      <c r="W30" s="43">
        <v>75.61</v>
      </c>
      <c r="X30" s="10">
        <v>0</v>
      </c>
      <c r="Y30" s="43">
        <v>75.61</v>
      </c>
      <c r="Z30" s="43">
        <v>91.98</v>
      </c>
      <c r="AA30" s="43">
        <v>2014.0900000000004</v>
      </c>
    </row>
    <row r="31" spans="1:27" ht="18" customHeight="1" x14ac:dyDescent="0.15">
      <c r="A31" s="47" t="s">
        <v>18</v>
      </c>
      <c r="B31" s="57" t="s">
        <v>26</v>
      </c>
      <c r="C31" s="57" t="s">
        <v>66</v>
      </c>
      <c r="D31" s="43">
        <v>825.20999999999992</v>
      </c>
      <c r="E31" s="43">
        <v>441964</v>
      </c>
      <c r="F31" s="43">
        <v>5946</v>
      </c>
      <c r="G31" s="43">
        <v>5.56</v>
      </c>
      <c r="H31" s="43">
        <v>238</v>
      </c>
      <c r="I31" s="43">
        <v>10</v>
      </c>
      <c r="J31" s="43">
        <v>830.76999999999987</v>
      </c>
      <c r="K31" s="43">
        <v>442202</v>
      </c>
      <c r="L31" s="43">
        <v>5956</v>
      </c>
      <c r="M31" s="11">
        <v>0.26709855804009192</v>
      </c>
      <c r="N31" s="43">
        <v>54.909999999999989</v>
      </c>
      <c r="O31" s="43">
        <v>21519</v>
      </c>
      <c r="P31" s="43">
        <v>154</v>
      </c>
      <c r="Q31" s="43">
        <v>1986.3399999999997</v>
      </c>
      <c r="R31" s="43">
        <v>349113</v>
      </c>
      <c r="S31" s="43">
        <v>2046</v>
      </c>
      <c r="T31" s="43">
        <v>2041.2499999999998</v>
      </c>
      <c r="U31" s="43">
        <v>370632</v>
      </c>
      <c r="V31" s="43">
        <v>2200</v>
      </c>
      <c r="W31" s="43">
        <v>57.07</v>
      </c>
      <c r="X31" s="10">
        <v>0</v>
      </c>
      <c r="Y31" s="43">
        <v>57.07</v>
      </c>
      <c r="Z31" s="43">
        <v>181.26000000000002</v>
      </c>
      <c r="AA31" s="43">
        <v>3110.35</v>
      </c>
    </row>
    <row r="32" spans="1:27" ht="18" customHeight="1" x14ac:dyDescent="0.15">
      <c r="A32" s="47" t="s">
        <v>18</v>
      </c>
      <c r="B32" s="57" t="s">
        <v>26</v>
      </c>
      <c r="C32" s="57" t="s">
        <v>10</v>
      </c>
      <c r="D32" s="43">
        <v>616.69000000000005</v>
      </c>
      <c r="E32" s="43">
        <v>301200</v>
      </c>
      <c r="F32" s="43">
        <v>4070</v>
      </c>
      <c r="G32" s="43">
        <v>0.66</v>
      </c>
      <c r="H32" s="43">
        <v>76</v>
      </c>
      <c r="I32" s="10">
        <v>0</v>
      </c>
      <c r="J32" s="43">
        <v>617.35</v>
      </c>
      <c r="K32" s="43">
        <v>301276</v>
      </c>
      <c r="L32" s="43">
        <v>4070</v>
      </c>
      <c r="M32" s="11">
        <v>0.14401991340375497</v>
      </c>
      <c r="N32" s="43">
        <v>359.01</v>
      </c>
      <c r="O32" s="43">
        <v>123442</v>
      </c>
      <c r="P32" s="43">
        <v>1229</v>
      </c>
      <c r="Q32" s="43">
        <v>3021.79</v>
      </c>
      <c r="R32" s="43">
        <v>544615</v>
      </c>
      <c r="S32" s="43">
        <v>3377</v>
      </c>
      <c r="T32" s="43">
        <v>3380.8</v>
      </c>
      <c r="U32" s="43">
        <v>668057</v>
      </c>
      <c r="V32" s="43">
        <v>4606</v>
      </c>
      <c r="W32" s="43">
        <v>94.3</v>
      </c>
      <c r="X32" s="10">
        <v>0.81</v>
      </c>
      <c r="Y32" s="43">
        <v>93.49</v>
      </c>
      <c r="Z32" s="43">
        <v>194.10999999999999</v>
      </c>
      <c r="AA32" s="43">
        <v>4286.5600000000004</v>
      </c>
    </row>
    <row r="33" spans="1:27" ht="18" customHeight="1" x14ac:dyDescent="0.15">
      <c r="A33" s="47" t="s">
        <v>18</v>
      </c>
      <c r="B33" s="57" t="s">
        <v>26</v>
      </c>
      <c r="C33" s="57" t="s">
        <v>67</v>
      </c>
      <c r="D33" s="43">
        <v>948.37000000000012</v>
      </c>
      <c r="E33" s="43">
        <v>498454</v>
      </c>
      <c r="F33" s="43">
        <v>7625</v>
      </c>
      <c r="G33" s="43">
        <v>9.06</v>
      </c>
      <c r="H33" s="43">
        <v>87</v>
      </c>
      <c r="I33" s="43">
        <v>6</v>
      </c>
      <c r="J33" s="43">
        <v>957.43000000000006</v>
      </c>
      <c r="K33" s="43">
        <v>498541</v>
      </c>
      <c r="L33" s="43">
        <v>7631</v>
      </c>
      <c r="M33" s="11">
        <v>0.23019238999245059</v>
      </c>
      <c r="N33" s="43">
        <v>110.67000000000002</v>
      </c>
      <c r="O33" s="43">
        <v>24669</v>
      </c>
      <c r="P33" s="43">
        <v>119</v>
      </c>
      <c r="Q33" s="43">
        <v>2623.91</v>
      </c>
      <c r="R33" s="43">
        <v>475524</v>
      </c>
      <c r="S33" s="43">
        <v>2550</v>
      </c>
      <c r="T33" s="43">
        <v>2734.58</v>
      </c>
      <c r="U33" s="43">
        <v>500193</v>
      </c>
      <c r="V33" s="43">
        <v>2669</v>
      </c>
      <c r="W33" s="43">
        <v>102.19</v>
      </c>
      <c r="X33" s="10">
        <v>0.67</v>
      </c>
      <c r="Y33" s="43">
        <v>101.52</v>
      </c>
      <c r="Z33" s="43">
        <v>365.05999999999995</v>
      </c>
      <c r="AA33" s="43">
        <v>4159.26</v>
      </c>
    </row>
    <row r="34" spans="1:27" ht="18" customHeight="1" x14ac:dyDescent="0.15">
      <c r="A34" s="47" t="s">
        <v>18</v>
      </c>
      <c r="B34" s="57" t="s">
        <v>26</v>
      </c>
      <c r="C34" s="57" t="s">
        <v>68</v>
      </c>
      <c r="D34" s="43">
        <v>472.37999999999988</v>
      </c>
      <c r="E34" s="43">
        <v>210153</v>
      </c>
      <c r="F34" s="43">
        <v>3791</v>
      </c>
      <c r="G34" s="43">
        <v>21.060000000000002</v>
      </c>
      <c r="H34" s="43">
        <v>1895</v>
      </c>
      <c r="I34" s="43">
        <v>64</v>
      </c>
      <c r="J34" s="43">
        <v>493.43999999999988</v>
      </c>
      <c r="K34" s="43">
        <v>212048</v>
      </c>
      <c r="L34" s="43">
        <v>3855</v>
      </c>
      <c r="M34" s="11">
        <v>0.30538621974390223</v>
      </c>
      <c r="N34" s="43">
        <v>59.089999999999989</v>
      </c>
      <c r="O34" s="43">
        <v>19884</v>
      </c>
      <c r="P34" s="43">
        <v>272</v>
      </c>
      <c r="Q34" s="43">
        <v>918.11000000000013</v>
      </c>
      <c r="R34" s="43">
        <v>152429</v>
      </c>
      <c r="S34" s="43">
        <v>1144</v>
      </c>
      <c r="T34" s="43">
        <v>977.20000000000016</v>
      </c>
      <c r="U34" s="43">
        <v>172313</v>
      </c>
      <c r="V34" s="43">
        <v>1416</v>
      </c>
      <c r="W34" s="43">
        <v>28.45</v>
      </c>
      <c r="X34" s="10">
        <v>0.27</v>
      </c>
      <c r="Y34" s="43">
        <v>28.18</v>
      </c>
      <c r="Z34" s="43">
        <v>116.7</v>
      </c>
      <c r="AA34" s="43">
        <v>1615.7900000000002</v>
      </c>
    </row>
    <row r="35" spans="1:27" ht="18" customHeight="1" x14ac:dyDescent="0.15">
      <c r="A35" s="47" t="s">
        <v>18</v>
      </c>
      <c r="B35" s="57" t="s">
        <v>26</v>
      </c>
      <c r="C35" s="57" t="s">
        <v>69</v>
      </c>
      <c r="D35" s="43">
        <v>610.93999999999994</v>
      </c>
      <c r="E35" s="43">
        <v>295778</v>
      </c>
      <c r="F35" s="43">
        <v>4470</v>
      </c>
      <c r="G35" s="43">
        <v>3.83</v>
      </c>
      <c r="H35" s="43">
        <v>450</v>
      </c>
      <c r="I35" s="43">
        <v>5</v>
      </c>
      <c r="J35" s="43">
        <v>614.77</v>
      </c>
      <c r="K35" s="43">
        <v>296228</v>
      </c>
      <c r="L35" s="43">
        <v>4475</v>
      </c>
      <c r="M35" s="11">
        <v>0.21128875935689195</v>
      </c>
      <c r="N35" s="43">
        <v>159.65</v>
      </c>
      <c r="O35" s="43">
        <v>61322</v>
      </c>
      <c r="P35" s="43">
        <v>544</v>
      </c>
      <c r="Q35" s="43">
        <v>1801.1100000000001</v>
      </c>
      <c r="R35" s="43">
        <v>320930</v>
      </c>
      <c r="S35" s="43">
        <v>1753</v>
      </c>
      <c r="T35" s="43">
        <v>1960.7600000000002</v>
      </c>
      <c r="U35" s="43">
        <v>382252</v>
      </c>
      <c r="V35" s="43">
        <v>2297</v>
      </c>
      <c r="W35" s="43">
        <v>58.970000000000006</v>
      </c>
      <c r="X35" s="10">
        <v>0.34</v>
      </c>
      <c r="Y35" s="43">
        <v>58.63</v>
      </c>
      <c r="Z35" s="43">
        <v>275.12</v>
      </c>
      <c r="AA35" s="43">
        <v>2909.62</v>
      </c>
    </row>
    <row r="36" spans="1:27" ht="18" customHeight="1" x14ac:dyDescent="0.15">
      <c r="A36" s="47" t="s">
        <v>18</v>
      </c>
      <c r="B36" s="57" t="s">
        <v>26</v>
      </c>
      <c r="C36" s="57" t="s">
        <v>70</v>
      </c>
      <c r="D36" s="10">
        <v>0.2</v>
      </c>
      <c r="E36" s="10">
        <v>120</v>
      </c>
      <c r="F36" s="10">
        <v>4</v>
      </c>
      <c r="G36" s="10">
        <v>0</v>
      </c>
      <c r="H36" s="10">
        <v>0</v>
      </c>
      <c r="I36" s="10">
        <v>0</v>
      </c>
      <c r="J36" s="10">
        <v>0.2</v>
      </c>
      <c r="K36" s="10">
        <v>120</v>
      </c>
      <c r="L36" s="10">
        <v>4</v>
      </c>
      <c r="M36" s="11">
        <v>2.9585798816568049E-2</v>
      </c>
      <c r="N36" s="43">
        <v>0.39999999999999997</v>
      </c>
      <c r="O36" s="43">
        <v>151</v>
      </c>
      <c r="P36" s="43">
        <v>2</v>
      </c>
      <c r="Q36" s="43">
        <v>5.1099999999999994</v>
      </c>
      <c r="R36" s="43">
        <v>802</v>
      </c>
      <c r="S36" s="43">
        <v>5</v>
      </c>
      <c r="T36" s="43">
        <v>5.51</v>
      </c>
      <c r="U36" s="43">
        <v>953</v>
      </c>
      <c r="V36" s="43">
        <v>7</v>
      </c>
      <c r="W36" s="43">
        <v>0.12</v>
      </c>
      <c r="X36" s="10">
        <v>0</v>
      </c>
      <c r="Y36" s="43">
        <v>0.12</v>
      </c>
      <c r="Z36" s="43">
        <v>0.92999999999999994</v>
      </c>
      <c r="AA36" s="43">
        <v>6.76</v>
      </c>
    </row>
    <row r="37" spans="1:27" ht="18" customHeight="1" x14ac:dyDescent="0.15">
      <c r="A37" s="47" t="s">
        <v>18</v>
      </c>
      <c r="B37" s="57" t="s">
        <v>26</v>
      </c>
      <c r="C37" s="57" t="s">
        <v>11</v>
      </c>
      <c r="D37" s="43">
        <v>716.7299999999999</v>
      </c>
      <c r="E37" s="43">
        <v>301900</v>
      </c>
      <c r="F37" s="43">
        <v>5275</v>
      </c>
      <c r="G37" s="10">
        <v>3.9799999999999995</v>
      </c>
      <c r="H37" s="10">
        <v>235</v>
      </c>
      <c r="I37" s="10">
        <v>4</v>
      </c>
      <c r="J37" s="10">
        <v>720.70999999999992</v>
      </c>
      <c r="K37" s="43">
        <v>302135</v>
      </c>
      <c r="L37" s="43">
        <v>5279</v>
      </c>
      <c r="M37" s="11">
        <v>0.36521602529669905</v>
      </c>
      <c r="N37" s="43">
        <v>227.42</v>
      </c>
      <c r="O37" s="43">
        <v>79404</v>
      </c>
      <c r="P37" s="43">
        <v>630</v>
      </c>
      <c r="Q37" s="43">
        <v>770.57999999999993</v>
      </c>
      <c r="R37" s="43">
        <v>119561</v>
      </c>
      <c r="S37" s="43">
        <v>833</v>
      </c>
      <c r="T37" s="43">
        <v>997.99999999999989</v>
      </c>
      <c r="U37" s="43">
        <v>198965</v>
      </c>
      <c r="V37" s="43">
        <v>1463</v>
      </c>
      <c r="W37" s="43">
        <v>37.97</v>
      </c>
      <c r="X37" s="10">
        <v>1.55</v>
      </c>
      <c r="Y37" s="43">
        <v>36.42</v>
      </c>
      <c r="Z37" s="43">
        <v>216.7</v>
      </c>
      <c r="AA37" s="43">
        <v>1973.3799999999999</v>
      </c>
    </row>
    <row r="38" spans="1:27" ht="18" customHeight="1" x14ac:dyDescent="0.15">
      <c r="A38" s="47" t="s">
        <v>18</v>
      </c>
      <c r="B38" s="58" t="s">
        <v>26</v>
      </c>
      <c r="C38" s="60" t="s">
        <v>1</v>
      </c>
      <c r="D38" s="69">
        <v>7325.75</v>
      </c>
      <c r="E38" s="69">
        <v>3557370</v>
      </c>
      <c r="F38" s="69">
        <v>55316</v>
      </c>
      <c r="G38" s="18">
        <v>76.710000000000008</v>
      </c>
      <c r="H38" s="69">
        <v>4878</v>
      </c>
      <c r="I38" s="69">
        <v>170</v>
      </c>
      <c r="J38" s="69">
        <v>7402.4600000000009</v>
      </c>
      <c r="K38" s="69">
        <v>3562248</v>
      </c>
      <c r="L38" s="69">
        <v>55486</v>
      </c>
      <c r="M38" s="13">
        <v>0.25488589899198588</v>
      </c>
      <c r="N38" s="71">
        <v>2550.1000000000004</v>
      </c>
      <c r="O38" s="71">
        <v>935627</v>
      </c>
      <c r="P38" s="71">
        <v>7703</v>
      </c>
      <c r="Q38" s="71">
        <v>16394.510000000002</v>
      </c>
      <c r="R38" s="71">
        <v>2891218</v>
      </c>
      <c r="S38" s="71">
        <v>16714</v>
      </c>
      <c r="T38" s="71">
        <v>18944.61</v>
      </c>
      <c r="U38" s="71">
        <v>3826845</v>
      </c>
      <c r="V38" s="71">
        <v>24417</v>
      </c>
      <c r="W38" s="71">
        <v>629.85000000000014</v>
      </c>
      <c r="X38" s="19">
        <v>5.77</v>
      </c>
      <c r="Y38" s="71">
        <v>624.07999999999993</v>
      </c>
      <c r="Z38" s="71">
        <v>2065.33</v>
      </c>
      <c r="AA38" s="71">
        <v>29042.249999999996</v>
      </c>
    </row>
    <row r="39" spans="1:27" ht="18" customHeight="1" x14ac:dyDescent="0.15">
      <c r="A39" s="47" t="s">
        <v>18</v>
      </c>
      <c r="B39" s="56" t="s">
        <v>27</v>
      </c>
      <c r="C39" s="56" t="s">
        <v>71</v>
      </c>
      <c r="D39" s="43">
        <v>1048.48</v>
      </c>
      <c r="E39" s="43">
        <v>466037</v>
      </c>
      <c r="F39" s="43">
        <v>7454</v>
      </c>
      <c r="G39" s="10">
        <v>18.759999999999998</v>
      </c>
      <c r="H39" s="43">
        <v>942</v>
      </c>
      <c r="I39" s="43">
        <v>73</v>
      </c>
      <c r="J39" s="43">
        <v>1067.24</v>
      </c>
      <c r="K39" s="43">
        <v>466979</v>
      </c>
      <c r="L39" s="43">
        <v>7527</v>
      </c>
      <c r="M39" s="11">
        <v>0.26261731457284454</v>
      </c>
      <c r="N39" s="43">
        <v>432.40999999999997</v>
      </c>
      <c r="O39" s="43">
        <v>169845</v>
      </c>
      <c r="P39" s="43">
        <v>1155</v>
      </c>
      <c r="Q39" s="43">
        <v>2161.4</v>
      </c>
      <c r="R39" s="43">
        <v>370222</v>
      </c>
      <c r="S39" s="43">
        <v>2606</v>
      </c>
      <c r="T39" s="43">
        <v>2593.81</v>
      </c>
      <c r="U39" s="43">
        <v>540067</v>
      </c>
      <c r="V39" s="43">
        <v>3761</v>
      </c>
      <c r="W39" s="43">
        <v>55.67</v>
      </c>
      <c r="X39" s="10">
        <v>0.36</v>
      </c>
      <c r="Y39" s="43">
        <v>55.31</v>
      </c>
      <c r="Z39" s="43">
        <v>347.14</v>
      </c>
      <c r="AA39" s="43">
        <v>4063.86</v>
      </c>
    </row>
    <row r="40" spans="1:27" ht="18" customHeight="1" x14ac:dyDescent="0.15">
      <c r="A40" s="47" t="s">
        <v>18</v>
      </c>
      <c r="B40" s="57" t="s">
        <v>27</v>
      </c>
      <c r="C40" s="57" t="s">
        <v>72</v>
      </c>
      <c r="D40" s="43">
        <v>8831.52</v>
      </c>
      <c r="E40" s="43">
        <v>3792671</v>
      </c>
      <c r="F40" s="43">
        <v>71280</v>
      </c>
      <c r="G40" s="10">
        <v>69.27</v>
      </c>
      <c r="H40" s="43">
        <v>5814</v>
      </c>
      <c r="I40" s="43">
        <v>163</v>
      </c>
      <c r="J40" s="43">
        <v>8900.7900000000009</v>
      </c>
      <c r="K40" s="43">
        <v>3798485</v>
      </c>
      <c r="L40" s="43">
        <v>71443</v>
      </c>
      <c r="M40" s="11">
        <v>0.50055252720036569</v>
      </c>
      <c r="N40" s="43">
        <v>897.32</v>
      </c>
      <c r="O40" s="43">
        <v>353512</v>
      </c>
      <c r="P40" s="43">
        <v>3057</v>
      </c>
      <c r="Q40" s="43">
        <v>7341.7900000000009</v>
      </c>
      <c r="R40" s="43">
        <v>1348135</v>
      </c>
      <c r="S40" s="43">
        <v>7320</v>
      </c>
      <c r="T40" s="43">
        <v>8239.11</v>
      </c>
      <c r="U40" s="43">
        <v>1701647</v>
      </c>
      <c r="V40" s="43">
        <v>10377</v>
      </c>
      <c r="W40" s="43">
        <v>173.65000000000003</v>
      </c>
      <c r="X40" s="10">
        <v>1.0499999999999998</v>
      </c>
      <c r="Y40" s="43">
        <v>172.60000000000002</v>
      </c>
      <c r="Z40" s="43">
        <v>468.38</v>
      </c>
      <c r="AA40" s="43">
        <v>17781.930000000004</v>
      </c>
    </row>
    <row r="41" spans="1:27" ht="18" customHeight="1" x14ac:dyDescent="0.15">
      <c r="A41" s="47" t="s">
        <v>18</v>
      </c>
      <c r="B41" s="57" t="s">
        <v>27</v>
      </c>
      <c r="C41" s="57" t="s">
        <v>73</v>
      </c>
      <c r="D41" s="43">
        <v>3630.8700000000003</v>
      </c>
      <c r="E41" s="43">
        <v>1569870</v>
      </c>
      <c r="F41" s="43">
        <v>30162</v>
      </c>
      <c r="G41" s="10">
        <v>62.33</v>
      </c>
      <c r="H41" s="43">
        <v>6739</v>
      </c>
      <c r="I41" s="43">
        <v>146</v>
      </c>
      <c r="J41" s="43">
        <v>3693.2000000000003</v>
      </c>
      <c r="K41" s="43">
        <v>1576609</v>
      </c>
      <c r="L41" s="43">
        <v>30308</v>
      </c>
      <c r="M41" s="11">
        <v>0.48976690585659477</v>
      </c>
      <c r="N41" s="43">
        <v>372.25</v>
      </c>
      <c r="O41" s="43">
        <v>131896</v>
      </c>
      <c r="P41" s="43">
        <v>1226</v>
      </c>
      <c r="Q41" s="43">
        <v>3156.67</v>
      </c>
      <c r="R41" s="43">
        <v>562353</v>
      </c>
      <c r="S41" s="43">
        <v>3663</v>
      </c>
      <c r="T41" s="43">
        <v>3528.92</v>
      </c>
      <c r="U41" s="43">
        <v>694249</v>
      </c>
      <c r="V41" s="43">
        <v>4889</v>
      </c>
      <c r="W41" s="43">
        <v>132.95999999999998</v>
      </c>
      <c r="X41" s="10">
        <v>1.07</v>
      </c>
      <c r="Y41" s="43">
        <v>131.88999999999999</v>
      </c>
      <c r="Z41" s="43">
        <v>185.65</v>
      </c>
      <c r="AA41" s="43">
        <v>7540.7300000000005</v>
      </c>
    </row>
    <row r="42" spans="1:27" ht="18" customHeight="1" x14ac:dyDescent="0.15">
      <c r="A42" s="47" t="s">
        <v>18</v>
      </c>
      <c r="B42" s="59" t="s">
        <v>27</v>
      </c>
      <c r="C42" s="59" t="s">
        <v>1</v>
      </c>
      <c r="D42" s="43">
        <v>13510.87</v>
      </c>
      <c r="E42" s="43">
        <v>5828578</v>
      </c>
      <c r="F42" s="43">
        <v>108896</v>
      </c>
      <c r="G42" s="10">
        <v>150.36000000000001</v>
      </c>
      <c r="H42" s="43">
        <v>13495</v>
      </c>
      <c r="I42" s="43">
        <v>382</v>
      </c>
      <c r="J42" s="43">
        <v>13661.230000000001</v>
      </c>
      <c r="K42" s="43">
        <v>5842073</v>
      </c>
      <c r="L42" s="43">
        <v>109278</v>
      </c>
      <c r="M42" s="11">
        <v>0.46488083651960149</v>
      </c>
      <c r="N42" s="43">
        <v>1701.98</v>
      </c>
      <c r="O42" s="43">
        <v>655253</v>
      </c>
      <c r="P42" s="43">
        <v>5438</v>
      </c>
      <c r="Q42" s="43">
        <v>12659.86</v>
      </c>
      <c r="R42" s="43">
        <v>2280710</v>
      </c>
      <c r="S42" s="43">
        <v>13589</v>
      </c>
      <c r="T42" s="43">
        <v>14361.84</v>
      </c>
      <c r="U42" s="43">
        <v>2935963</v>
      </c>
      <c r="V42" s="43">
        <v>19027</v>
      </c>
      <c r="W42" s="43">
        <v>362.28000000000003</v>
      </c>
      <c r="X42" s="10">
        <v>2.4799999999999995</v>
      </c>
      <c r="Y42" s="43">
        <v>359.8</v>
      </c>
      <c r="Z42" s="43">
        <v>1001.17</v>
      </c>
      <c r="AA42" s="43">
        <v>29386.520000000004</v>
      </c>
    </row>
    <row r="43" spans="1:27" ht="18" customHeight="1" x14ac:dyDescent="0.15">
      <c r="A43" s="47" t="s">
        <v>18</v>
      </c>
      <c r="B43" s="52" t="s">
        <v>35</v>
      </c>
      <c r="C43" s="52" t="s">
        <v>35</v>
      </c>
      <c r="D43" s="70">
        <v>20836.620000000003</v>
      </c>
      <c r="E43" s="70">
        <v>9385948</v>
      </c>
      <c r="F43" s="70">
        <v>164212</v>
      </c>
      <c r="G43" s="20">
        <v>227.07000000000002</v>
      </c>
      <c r="H43" s="70">
        <v>18373</v>
      </c>
      <c r="I43" s="70">
        <v>552</v>
      </c>
      <c r="J43" s="70">
        <v>21063.690000000002</v>
      </c>
      <c r="K43" s="70">
        <v>9404321</v>
      </c>
      <c r="L43" s="70">
        <v>164764</v>
      </c>
      <c r="M43" s="21">
        <v>0.36050202665570402</v>
      </c>
      <c r="N43" s="70">
        <v>4252.08</v>
      </c>
      <c r="O43" s="70">
        <v>1590880</v>
      </c>
      <c r="P43" s="70">
        <v>13141</v>
      </c>
      <c r="Q43" s="70">
        <v>29054.370000000003</v>
      </c>
      <c r="R43" s="70">
        <v>5171928</v>
      </c>
      <c r="S43" s="70">
        <v>30303</v>
      </c>
      <c r="T43" s="70">
        <v>33306.449999999997</v>
      </c>
      <c r="U43" s="70">
        <v>6762808</v>
      </c>
      <c r="V43" s="70">
        <v>43444</v>
      </c>
      <c r="W43" s="70">
        <v>992.13000000000011</v>
      </c>
      <c r="X43" s="20">
        <v>8.25</v>
      </c>
      <c r="Y43" s="70">
        <v>983.87999999999988</v>
      </c>
      <c r="Z43" s="70">
        <v>3066.5</v>
      </c>
      <c r="AA43" s="70">
        <v>58428.770000000004</v>
      </c>
    </row>
    <row r="44" spans="1:27" ht="18" customHeight="1" x14ac:dyDescent="0.15">
      <c r="A44" s="47" t="s">
        <v>18</v>
      </c>
      <c r="B44" s="55" t="s">
        <v>28</v>
      </c>
      <c r="C44" s="55" t="s">
        <v>74</v>
      </c>
      <c r="D44" s="41">
        <v>4998.8599999999997</v>
      </c>
      <c r="E44" s="41">
        <v>2401239</v>
      </c>
      <c r="F44" s="41">
        <v>47452</v>
      </c>
      <c r="G44" s="6">
        <v>149.31</v>
      </c>
      <c r="H44" s="41">
        <v>12813</v>
      </c>
      <c r="I44" s="41">
        <v>341</v>
      </c>
      <c r="J44" s="41">
        <v>5148.17</v>
      </c>
      <c r="K44" s="41">
        <v>2414052</v>
      </c>
      <c r="L44" s="41">
        <v>47793</v>
      </c>
      <c r="M44" s="7">
        <v>0.48444519306592487</v>
      </c>
      <c r="N44" s="41">
        <v>345.91999999999996</v>
      </c>
      <c r="O44" s="41">
        <v>131137</v>
      </c>
      <c r="P44" s="41">
        <v>1143</v>
      </c>
      <c r="Q44" s="41">
        <v>4401.41</v>
      </c>
      <c r="R44" s="41">
        <v>800238</v>
      </c>
      <c r="S44" s="41">
        <v>4224</v>
      </c>
      <c r="T44" s="41">
        <v>4747.33</v>
      </c>
      <c r="U44" s="41">
        <v>931375</v>
      </c>
      <c r="V44" s="41">
        <v>5367</v>
      </c>
      <c r="W44" s="41">
        <v>184.61999999999998</v>
      </c>
      <c r="X44" s="6">
        <v>3.16</v>
      </c>
      <c r="Y44" s="41">
        <v>181.45999999999998</v>
      </c>
      <c r="Z44" s="41">
        <v>546.82000000000005</v>
      </c>
      <c r="AA44" s="41">
        <v>10626.94</v>
      </c>
    </row>
    <row r="45" spans="1:27" ht="18" customHeight="1" x14ac:dyDescent="0.15">
      <c r="A45" s="47" t="s">
        <v>18</v>
      </c>
      <c r="B45" s="57" t="s">
        <v>28</v>
      </c>
      <c r="C45" s="57" t="s">
        <v>75</v>
      </c>
      <c r="D45" s="43">
        <v>465.20000000000005</v>
      </c>
      <c r="E45" s="43">
        <v>220426</v>
      </c>
      <c r="F45" s="43">
        <v>3958</v>
      </c>
      <c r="G45" s="10">
        <v>11.549999999999999</v>
      </c>
      <c r="H45" s="43">
        <v>914</v>
      </c>
      <c r="I45" s="43">
        <v>12</v>
      </c>
      <c r="J45" s="43">
        <v>476.75000000000006</v>
      </c>
      <c r="K45" s="43">
        <v>221340</v>
      </c>
      <c r="L45" s="43">
        <v>3970</v>
      </c>
      <c r="M45" s="11">
        <v>0.28692742406278399</v>
      </c>
      <c r="N45" s="43">
        <v>91.509999999999991</v>
      </c>
      <c r="O45" s="43">
        <v>33205</v>
      </c>
      <c r="P45" s="43">
        <v>276</v>
      </c>
      <c r="Q45" s="43">
        <v>915.88</v>
      </c>
      <c r="R45" s="43">
        <v>163893</v>
      </c>
      <c r="S45" s="43">
        <v>758</v>
      </c>
      <c r="T45" s="43">
        <v>1007.39</v>
      </c>
      <c r="U45" s="43">
        <v>197098</v>
      </c>
      <c r="V45" s="43">
        <v>1034</v>
      </c>
      <c r="W45" s="43">
        <v>68.31</v>
      </c>
      <c r="X45" s="10">
        <v>3.54</v>
      </c>
      <c r="Y45" s="43">
        <v>64.77</v>
      </c>
      <c r="Z45" s="43">
        <v>109.12</v>
      </c>
      <c r="AA45" s="43">
        <v>1661.5700000000002</v>
      </c>
    </row>
    <row r="46" spans="1:27" ht="18" customHeight="1" x14ac:dyDescent="0.15">
      <c r="A46" s="47" t="s">
        <v>18</v>
      </c>
      <c r="B46" s="57" t="s">
        <v>28</v>
      </c>
      <c r="C46" s="57" t="s">
        <v>76</v>
      </c>
      <c r="D46" s="43">
        <v>1713.7499999999995</v>
      </c>
      <c r="E46" s="43">
        <v>949162</v>
      </c>
      <c r="F46" s="43">
        <v>16931</v>
      </c>
      <c r="G46" s="10">
        <v>21.810000000000002</v>
      </c>
      <c r="H46" s="43">
        <v>2507</v>
      </c>
      <c r="I46" s="43">
        <v>36</v>
      </c>
      <c r="J46" s="43">
        <v>1735.5599999999995</v>
      </c>
      <c r="K46" s="43">
        <v>951669</v>
      </c>
      <c r="L46" s="43">
        <v>16967</v>
      </c>
      <c r="M46" s="11">
        <v>0.4646722105905724</v>
      </c>
      <c r="N46" s="43">
        <v>104.35</v>
      </c>
      <c r="O46" s="43">
        <v>40202</v>
      </c>
      <c r="P46" s="43">
        <v>330</v>
      </c>
      <c r="Q46" s="43">
        <v>1560.1100000000001</v>
      </c>
      <c r="R46" s="43">
        <v>280262</v>
      </c>
      <c r="S46" s="43">
        <v>1364</v>
      </c>
      <c r="T46" s="43">
        <v>1664.46</v>
      </c>
      <c r="U46" s="43">
        <v>320464</v>
      </c>
      <c r="V46" s="43">
        <v>1694</v>
      </c>
      <c r="W46" s="43">
        <v>177.55</v>
      </c>
      <c r="X46" s="10">
        <v>0.62</v>
      </c>
      <c r="Y46" s="43">
        <v>176.93</v>
      </c>
      <c r="Z46" s="43">
        <v>157.44999999999999</v>
      </c>
      <c r="AA46" s="43">
        <v>3735.0199999999995</v>
      </c>
    </row>
    <row r="47" spans="1:27" ht="18" customHeight="1" x14ac:dyDescent="0.15">
      <c r="A47" s="47" t="s">
        <v>18</v>
      </c>
      <c r="B47" s="57" t="s">
        <v>28</v>
      </c>
      <c r="C47" s="57" t="s">
        <v>12</v>
      </c>
      <c r="D47" s="43">
        <v>2699.34</v>
      </c>
      <c r="E47" s="43">
        <v>1371045</v>
      </c>
      <c r="F47" s="43">
        <v>25684</v>
      </c>
      <c r="G47" s="10">
        <v>27.55</v>
      </c>
      <c r="H47" s="43">
        <v>1571</v>
      </c>
      <c r="I47" s="43">
        <v>43</v>
      </c>
      <c r="J47" s="43">
        <v>2726.8900000000003</v>
      </c>
      <c r="K47" s="43">
        <v>1372616</v>
      </c>
      <c r="L47" s="43">
        <v>25727</v>
      </c>
      <c r="M47" s="11">
        <v>0.43714381441398414</v>
      </c>
      <c r="N47" s="43">
        <v>216.98999999999998</v>
      </c>
      <c r="O47" s="43">
        <v>78662</v>
      </c>
      <c r="P47" s="43">
        <v>636</v>
      </c>
      <c r="Q47" s="43">
        <v>2854.7599999999998</v>
      </c>
      <c r="R47" s="43">
        <v>509948</v>
      </c>
      <c r="S47" s="43">
        <v>2770</v>
      </c>
      <c r="T47" s="43">
        <v>3071.7499999999995</v>
      </c>
      <c r="U47" s="43">
        <v>588610</v>
      </c>
      <c r="V47" s="43">
        <v>3406</v>
      </c>
      <c r="W47" s="43">
        <v>151.44</v>
      </c>
      <c r="X47" s="10">
        <v>1.2</v>
      </c>
      <c r="Y47" s="43">
        <v>150.24</v>
      </c>
      <c r="Z47" s="43">
        <v>287.89</v>
      </c>
      <c r="AA47" s="43">
        <v>6237.9699999999993</v>
      </c>
    </row>
    <row r="48" spans="1:27" ht="18" customHeight="1" x14ac:dyDescent="0.15">
      <c r="A48" s="47" t="s">
        <v>18</v>
      </c>
      <c r="B48" s="57" t="s">
        <v>28</v>
      </c>
      <c r="C48" s="57" t="s">
        <v>77</v>
      </c>
      <c r="D48" s="43">
        <v>4128.9800000000005</v>
      </c>
      <c r="E48" s="43">
        <v>2010117</v>
      </c>
      <c r="F48" s="43">
        <v>39650</v>
      </c>
      <c r="G48" s="10">
        <v>61.38</v>
      </c>
      <c r="H48" s="43">
        <v>3549</v>
      </c>
      <c r="I48" s="43">
        <v>232</v>
      </c>
      <c r="J48" s="43">
        <v>4190.3600000000006</v>
      </c>
      <c r="K48" s="43">
        <v>2013666</v>
      </c>
      <c r="L48" s="43">
        <v>39882</v>
      </c>
      <c r="M48" s="11">
        <v>0.45044702219900312</v>
      </c>
      <c r="N48" s="43">
        <v>791.84000000000015</v>
      </c>
      <c r="O48" s="43">
        <v>290903</v>
      </c>
      <c r="P48" s="43">
        <v>3258</v>
      </c>
      <c r="Q48" s="43">
        <v>4160.26</v>
      </c>
      <c r="R48" s="43">
        <v>733057</v>
      </c>
      <c r="S48" s="43">
        <v>5264</v>
      </c>
      <c r="T48" s="43">
        <v>4952.1000000000004</v>
      </c>
      <c r="U48" s="43">
        <v>1023960</v>
      </c>
      <c r="V48" s="43">
        <v>8522</v>
      </c>
      <c r="W48" s="43">
        <v>80.820000000000007</v>
      </c>
      <c r="X48" s="10">
        <v>3.4699999999999998</v>
      </c>
      <c r="Y48" s="43">
        <v>77.350000000000009</v>
      </c>
      <c r="Z48" s="43">
        <v>79.39</v>
      </c>
      <c r="AA48" s="43">
        <v>9302.67</v>
      </c>
    </row>
    <row r="49" spans="1:27" ht="18" customHeight="1" x14ac:dyDescent="0.15">
      <c r="A49" s="47" t="s">
        <v>18</v>
      </c>
      <c r="B49" s="57" t="s">
        <v>28</v>
      </c>
      <c r="C49" s="57" t="s">
        <v>78</v>
      </c>
      <c r="D49" s="43">
        <v>3997.7900000000004</v>
      </c>
      <c r="E49" s="43">
        <v>2011497</v>
      </c>
      <c r="F49" s="43">
        <v>37033</v>
      </c>
      <c r="G49" s="10">
        <v>53.039999999999992</v>
      </c>
      <c r="H49" s="43">
        <v>2075</v>
      </c>
      <c r="I49" s="43">
        <v>183</v>
      </c>
      <c r="J49" s="43">
        <v>4050.8300000000004</v>
      </c>
      <c r="K49" s="43">
        <v>2013572</v>
      </c>
      <c r="L49" s="43">
        <v>37216</v>
      </c>
      <c r="M49" s="11">
        <v>0.46154310669943521</v>
      </c>
      <c r="N49" s="43">
        <v>254.14000000000001</v>
      </c>
      <c r="O49" s="43">
        <v>91400</v>
      </c>
      <c r="P49" s="43">
        <v>1068</v>
      </c>
      <c r="Q49" s="43">
        <v>4128</v>
      </c>
      <c r="R49" s="43">
        <v>733673</v>
      </c>
      <c r="S49" s="43">
        <v>5177</v>
      </c>
      <c r="T49" s="43">
        <v>4382.1400000000003</v>
      </c>
      <c r="U49" s="43">
        <v>825073</v>
      </c>
      <c r="V49" s="43">
        <v>6245</v>
      </c>
      <c r="W49" s="43">
        <v>104.03</v>
      </c>
      <c r="X49" s="10">
        <v>1.5999999999999999</v>
      </c>
      <c r="Y49" s="43">
        <v>102.43</v>
      </c>
      <c r="Z49" s="43">
        <v>239.70999999999998</v>
      </c>
      <c r="AA49" s="43">
        <v>8776.7100000000009</v>
      </c>
    </row>
    <row r="50" spans="1:27" ht="18" customHeight="1" x14ac:dyDescent="0.15">
      <c r="A50" s="47" t="s">
        <v>18</v>
      </c>
      <c r="B50" s="58" t="s">
        <v>28</v>
      </c>
      <c r="C50" s="58" t="s">
        <v>1</v>
      </c>
      <c r="D50" s="43">
        <v>18003.920000000002</v>
      </c>
      <c r="E50" s="43">
        <v>8963486</v>
      </c>
      <c r="F50" s="43">
        <v>170708</v>
      </c>
      <c r="G50" s="10">
        <v>324.64</v>
      </c>
      <c r="H50" s="43">
        <v>23429</v>
      </c>
      <c r="I50" s="43">
        <v>847</v>
      </c>
      <c r="J50" s="43">
        <v>18328.560000000001</v>
      </c>
      <c r="K50" s="43">
        <v>8986915</v>
      </c>
      <c r="L50" s="43">
        <v>171555</v>
      </c>
      <c r="M50" s="11">
        <v>0.45434209665232894</v>
      </c>
      <c r="N50" s="43">
        <v>1804.7500000000002</v>
      </c>
      <c r="O50" s="43">
        <v>665509</v>
      </c>
      <c r="P50" s="43">
        <v>6711</v>
      </c>
      <c r="Q50" s="43">
        <v>18020.419999999998</v>
      </c>
      <c r="R50" s="43">
        <v>3221071</v>
      </c>
      <c r="S50" s="43">
        <v>19557</v>
      </c>
      <c r="T50" s="43">
        <v>19825.170000000002</v>
      </c>
      <c r="U50" s="43">
        <v>3886580</v>
      </c>
      <c r="V50" s="43">
        <v>26268</v>
      </c>
      <c r="W50" s="43">
        <v>766.7700000000001</v>
      </c>
      <c r="X50" s="10">
        <v>13.589999999999998</v>
      </c>
      <c r="Y50" s="43">
        <v>753.18000000000006</v>
      </c>
      <c r="Z50" s="43">
        <v>1420.3800000000003</v>
      </c>
      <c r="AA50" s="43">
        <v>40340.879999999997</v>
      </c>
    </row>
    <row r="51" spans="1:27" ht="18" customHeight="1" x14ac:dyDescent="0.15">
      <c r="A51" s="47" t="s">
        <v>18</v>
      </c>
      <c r="B51" s="57" t="s">
        <v>79</v>
      </c>
      <c r="C51" s="57" t="s">
        <v>80</v>
      </c>
      <c r="D51" s="42">
        <v>6684.2399999999989</v>
      </c>
      <c r="E51" s="42">
        <v>2960194</v>
      </c>
      <c r="F51" s="42">
        <v>57807</v>
      </c>
      <c r="G51" s="8">
        <v>237.75</v>
      </c>
      <c r="H51" s="42">
        <v>24101</v>
      </c>
      <c r="I51" s="42">
        <v>709</v>
      </c>
      <c r="J51" s="42">
        <v>6921.9899999999989</v>
      </c>
      <c r="K51" s="42">
        <v>2984295</v>
      </c>
      <c r="L51" s="42">
        <v>58516</v>
      </c>
      <c r="M51" s="9">
        <v>0.49092127659574464</v>
      </c>
      <c r="N51" s="42">
        <v>681.84000000000015</v>
      </c>
      <c r="O51" s="42">
        <v>247246</v>
      </c>
      <c r="P51" s="42">
        <v>2240</v>
      </c>
      <c r="Q51" s="42">
        <v>5959.4199999999992</v>
      </c>
      <c r="R51" s="42">
        <v>1037423</v>
      </c>
      <c r="S51" s="42">
        <v>7110</v>
      </c>
      <c r="T51" s="42">
        <v>6641.2599999999993</v>
      </c>
      <c r="U51" s="42">
        <v>1284669</v>
      </c>
      <c r="V51" s="42">
        <v>9350</v>
      </c>
      <c r="W51" s="42">
        <v>338.95</v>
      </c>
      <c r="X51" s="8">
        <v>1.9</v>
      </c>
      <c r="Y51" s="42">
        <v>337.05</v>
      </c>
      <c r="Z51" s="42">
        <v>197.8</v>
      </c>
      <c r="AA51" s="42">
        <v>14099.999999999998</v>
      </c>
    </row>
    <row r="52" spans="1:27" ht="18" customHeight="1" x14ac:dyDescent="0.15">
      <c r="A52" s="47" t="s">
        <v>18</v>
      </c>
      <c r="B52" s="57" t="s">
        <v>79</v>
      </c>
      <c r="C52" s="57" t="s">
        <v>81</v>
      </c>
      <c r="D52" s="43">
        <v>9572.2000000000025</v>
      </c>
      <c r="E52" s="43">
        <v>4585299</v>
      </c>
      <c r="F52" s="43">
        <v>79283</v>
      </c>
      <c r="G52" s="10">
        <v>61.320000000000007</v>
      </c>
      <c r="H52" s="43">
        <v>4135</v>
      </c>
      <c r="I52" s="43">
        <v>204</v>
      </c>
      <c r="J52" s="43">
        <v>9633.5200000000023</v>
      </c>
      <c r="K52" s="43">
        <v>4589434</v>
      </c>
      <c r="L52" s="43">
        <v>79487</v>
      </c>
      <c r="M52" s="11">
        <v>0.66895820920811233</v>
      </c>
      <c r="N52" s="43">
        <v>519.26</v>
      </c>
      <c r="O52" s="43">
        <v>204148</v>
      </c>
      <c r="P52" s="43">
        <v>1652</v>
      </c>
      <c r="Q52" s="43">
        <v>3934.57</v>
      </c>
      <c r="R52" s="43">
        <v>714868</v>
      </c>
      <c r="S52" s="43">
        <v>3956</v>
      </c>
      <c r="T52" s="43">
        <v>4453.83</v>
      </c>
      <c r="U52" s="43">
        <v>919016</v>
      </c>
      <c r="V52" s="43">
        <v>5608</v>
      </c>
      <c r="W52" s="43">
        <v>185.51000000000002</v>
      </c>
      <c r="X52" s="10">
        <v>0.39</v>
      </c>
      <c r="Y52" s="43">
        <v>185.12000000000003</v>
      </c>
      <c r="Z52" s="43">
        <v>127.92</v>
      </c>
      <c r="AA52" s="43">
        <v>14400.780000000002</v>
      </c>
    </row>
    <row r="53" spans="1:27" ht="18" customHeight="1" x14ac:dyDescent="0.15">
      <c r="A53" s="47" t="s">
        <v>18</v>
      </c>
      <c r="B53" s="57" t="s">
        <v>79</v>
      </c>
      <c r="C53" s="60" t="s">
        <v>1</v>
      </c>
      <c r="D53" s="71">
        <v>16256.440000000002</v>
      </c>
      <c r="E53" s="71">
        <v>7545493</v>
      </c>
      <c r="F53" s="71">
        <v>137090</v>
      </c>
      <c r="G53" s="19">
        <v>299.07</v>
      </c>
      <c r="H53" s="71">
        <v>28236</v>
      </c>
      <c r="I53" s="71">
        <v>913</v>
      </c>
      <c r="J53" s="71">
        <v>16555.510000000002</v>
      </c>
      <c r="K53" s="71">
        <v>7573729</v>
      </c>
      <c r="L53" s="71">
        <v>138003</v>
      </c>
      <c r="M53" s="22">
        <v>0.58087918997304644</v>
      </c>
      <c r="N53" s="71">
        <v>1201.1000000000001</v>
      </c>
      <c r="O53" s="71">
        <v>451394</v>
      </c>
      <c r="P53" s="71">
        <v>3892</v>
      </c>
      <c r="Q53" s="71">
        <v>9893.99</v>
      </c>
      <c r="R53" s="71">
        <v>1752291</v>
      </c>
      <c r="S53" s="71">
        <v>11066</v>
      </c>
      <c r="T53" s="71">
        <v>11095.09</v>
      </c>
      <c r="U53" s="71">
        <v>2203685</v>
      </c>
      <c r="V53" s="71">
        <v>14958</v>
      </c>
      <c r="W53" s="71">
        <v>524.46</v>
      </c>
      <c r="X53" s="19">
        <v>2.29</v>
      </c>
      <c r="Y53" s="71">
        <v>522.17000000000007</v>
      </c>
      <c r="Z53" s="71">
        <v>325.72000000000003</v>
      </c>
      <c r="AA53" s="71">
        <v>28500.78</v>
      </c>
    </row>
    <row r="54" spans="1:27" ht="18" customHeight="1" x14ac:dyDescent="0.15">
      <c r="A54" s="47" t="s">
        <v>18</v>
      </c>
      <c r="B54" s="56" t="s">
        <v>29</v>
      </c>
      <c r="C54" s="56" t="s">
        <v>82</v>
      </c>
      <c r="D54" s="42">
        <v>4793.5300000000007</v>
      </c>
      <c r="E54" s="42">
        <v>2321316</v>
      </c>
      <c r="F54" s="42">
        <v>44282</v>
      </c>
      <c r="G54" s="8">
        <v>47.14</v>
      </c>
      <c r="H54" s="42">
        <v>2695</v>
      </c>
      <c r="I54" s="42">
        <v>160</v>
      </c>
      <c r="J54" s="42">
        <v>4840.670000000001</v>
      </c>
      <c r="K54" s="42">
        <v>2324011</v>
      </c>
      <c r="L54" s="42">
        <v>44442</v>
      </c>
      <c r="M54" s="9">
        <v>0.45524755361819991</v>
      </c>
      <c r="N54" s="42">
        <v>464.9</v>
      </c>
      <c r="O54" s="42">
        <v>172156</v>
      </c>
      <c r="P54" s="42">
        <v>1858</v>
      </c>
      <c r="Q54" s="42">
        <v>5056.7699999999995</v>
      </c>
      <c r="R54" s="42">
        <v>896898</v>
      </c>
      <c r="S54" s="42">
        <v>6488</v>
      </c>
      <c r="T54" s="42">
        <v>5521.6699999999992</v>
      </c>
      <c r="U54" s="42">
        <v>1069054</v>
      </c>
      <c r="V54" s="42">
        <v>8346</v>
      </c>
      <c r="W54" s="42">
        <v>207.44000000000003</v>
      </c>
      <c r="X54" s="8">
        <v>40.15</v>
      </c>
      <c r="Y54" s="42">
        <v>167.29000000000002</v>
      </c>
      <c r="Z54" s="42">
        <v>63.27</v>
      </c>
      <c r="AA54" s="42">
        <v>10633.050000000001</v>
      </c>
    </row>
    <row r="55" spans="1:27" ht="18" customHeight="1" x14ac:dyDescent="0.15">
      <c r="A55" s="47" t="s">
        <v>18</v>
      </c>
      <c r="B55" s="57" t="s">
        <v>29</v>
      </c>
      <c r="C55" s="57" t="s">
        <v>83</v>
      </c>
      <c r="D55" s="43">
        <v>4541.09</v>
      </c>
      <c r="E55" s="43">
        <v>2334476</v>
      </c>
      <c r="F55" s="43">
        <v>40598</v>
      </c>
      <c r="G55" s="10">
        <v>21.69</v>
      </c>
      <c r="H55" s="43">
        <v>1071</v>
      </c>
      <c r="I55" s="43">
        <v>72</v>
      </c>
      <c r="J55" s="43">
        <v>4562.78</v>
      </c>
      <c r="K55" s="43">
        <v>2335547</v>
      </c>
      <c r="L55" s="43">
        <v>40670</v>
      </c>
      <c r="M55" s="11">
        <v>0.46991541526644759</v>
      </c>
      <c r="N55" s="43">
        <v>398.54000000000008</v>
      </c>
      <c r="O55" s="43">
        <v>152291</v>
      </c>
      <c r="P55" s="43">
        <v>1336</v>
      </c>
      <c r="Q55" s="43">
        <v>4567.43</v>
      </c>
      <c r="R55" s="43">
        <v>832247</v>
      </c>
      <c r="S55" s="43">
        <v>5289</v>
      </c>
      <c r="T55" s="43">
        <v>4965.97</v>
      </c>
      <c r="U55" s="43">
        <v>984538</v>
      </c>
      <c r="V55" s="43">
        <v>6625</v>
      </c>
      <c r="W55" s="43">
        <v>128.21</v>
      </c>
      <c r="X55" s="10">
        <v>6.93</v>
      </c>
      <c r="Y55" s="43">
        <v>121.28</v>
      </c>
      <c r="Z55" s="43">
        <v>52.83</v>
      </c>
      <c r="AA55" s="43">
        <v>9709.7899999999991</v>
      </c>
    </row>
    <row r="56" spans="1:27" ht="18" customHeight="1" x14ac:dyDescent="0.15">
      <c r="A56" s="47" t="s">
        <v>18</v>
      </c>
      <c r="B56" s="59" t="s">
        <v>29</v>
      </c>
      <c r="C56" s="61" t="s">
        <v>1</v>
      </c>
      <c r="D56" s="45">
        <v>9334.6200000000008</v>
      </c>
      <c r="E56" s="45">
        <v>4655792</v>
      </c>
      <c r="F56" s="45">
        <v>84880</v>
      </c>
      <c r="G56" s="14">
        <v>68.83</v>
      </c>
      <c r="H56" s="45">
        <v>3766</v>
      </c>
      <c r="I56" s="45">
        <v>232</v>
      </c>
      <c r="J56" s="45">
        <v>9403.4500000000007</v>
      </c>
      <c r="K56" s="45">
        <v>4659558</v>
      </c>
      <c r="L56" s="45">
        <v>85112</v>
      </c>
      <c r="M56" s="15">
        <v>0.46224863391738819</v>
      </c>
      <c r="N56" s="45">
        <v>863.44</v>
      </c>
      <c r="O56" s="45">
        <v>324447</v>
      </c>
      <c r="P56" s="45">
        <v>3194</v>
      </c>
      <c r="Q56" s="45">
        <v>9624.2000000000007</v>
      </c>
      <c r="R56" s="45">
        <v>1729145</v>
      </c>
      <c r="S56" s="45">
        <v>11777</v>
      </c>
      <c r="T56" s="45">
        <v>10487.64</v>
      </c>
      <c r="U56" s="45">
        <v>2053592</v>
      </c>
      <c r="V56" s="45">
        <v>14971</v>
      </c>
      <c r="W56" s="45">
        <v>335.65000000000003</v>
      </c>
      <c r="X56" s="14">
        <v>47.08</v>
      </c>
      <c r="Y56" s="45">
        <v>288.57000000000005</v>
      </c>
      <c r="Z56" s="45">
        <v>116.1</v>
      </c>
      <c r="AA56" s="45">
        <v>20342.84</v>
      </c>
    </row>
    <row r="57" spans="1:27" ht="18" customHeight="1" x14ac:dyDescent="0.15">
      <c r="A57" s="47" t="s">
        <v>18</v>
      </c>
      <c r="B57" s="52" t="s">
        <v>35</v>
      </c>
      <c r="C57" s="52" t="s">
        <v>35</v>
      </c>
      <c r="D57" s="46">
        <v>43594.98</v>
      </c>
      <c r="E57" s="46">
        <v>21164771</v>
      </c>
      <c r="F57" s="46">
        <v>392678</v>
      </c>
      <c r="G57" s="16">
        <v>692.54000000000008</v>
      </c>
      <c r="H57" s="46">
        <v>55431</v>
      </c>
      <c r="I57" s="46">
        <v>1992</v>
      </c>
      <c r="J57" s="46">
        <v>44287.520000000004</v>
      </c>
      <c r="K57" s="46">
        <v>21220202</v>
      </c>
      <c r="L57" s="46">
        <v>394670</v>
      </c>
      <c r="M57" s="17">
        <v>0.49658315065958775</v>
      </c>
      <c r="N57" s="46">
        <v>3869.2900000000004</v>
      </c>
      <c r="O57" s="46">
        <v>1441350</v>
      </c>
      <c r="P57" s="46">
        <v>13797</v>
      </c>
      <c r="Q57" s="46">
        <v>37538.61</v>
      </c>
      <c r="R57" s="46">
        <v>6702507</v>
      </c>
      <c r="S57" s="46">
        <v>42400</v>
      </c>
      <c r="T57" s="46">
        <v>41407.9</v>
      </c>
      <c r="U57" s="46">
        <v>8143857</v>
      </c>
      <c r="V57" s="46">
        <v>56197</v>
      </c>
      <c r="W57" s="46">
        <v>1626.88</v>
      </c>
      <c r="X57" s="16">
        <v>62.959999999999994</v>
      </c>
      <c r="Y57" s="46">
        <v>1563.92</v>
      </c>
      <c r="Z57" s="46">
        <v>1862.2000000000003</v>
      </c>
      <c r="AA57" s="46">
        <v>89184.5</v>
      </c>
    </row>
    <row r="58" spans="1:27" ht="18" customHeight="1" x14ac:dyDescent="0.15">
      <c r="A58" s="47" t="s">
        <v>18</v>
      </c>
      <c r="B58" s="62" t="s">
        <v>36</v>
      </c>
      <c r="C58" s="55" t="s">
        <v>84</v>
      </c>
      <c r="D58" s="41">
        <v>4171.78</v>
      </c>
      <c r="E58" s="41">
        <v>2059192</v>
      </c>
      <c r="F58" s="41">
        <v>32021</v>
      </c>
      <c r="G58" s="6">
        <v>16.939999999999994</v>
      </c>
      <c r="H58" s="41">
        <v>2615</v>
      </c>
      <c r="I58" s="41">
        <v>21</v>
      </c>
      <c r="J58" s="41">
        <v>4188.7199999999993</v>
      </c>
      <c r="K58" s="41">
        <v>2061807</v>
      </c>
      <c r="L58" s="41">
        <v>32042</v>
      </c>
      <c r="M58" s="7">
        <v>0.48076744290146289</v>
      </c>
      <c r="N58" s="41">
        <v>722.98</v>
      </c>
      <c r="O58" s="41">
        <v>275671</v>
      </c>
      <c r="P58" s="41">
        <v>2253</v>
      </c>
      <c r="Q58" s="41">
        <v>3237.8800000000006</v>
      </c>
      <c r="R58" s="41">
        <v>586033</v>
      </c>
      <c r="S58" s="41">
        <v>3292</v>
      </c>
      <c r="T58" s="41">
        <v>3960.8600000000006</v>
      </c>
      <c r="U58" s="41">
        <v>861704</v>
      </c>
      <c r="V58" s="41">
        <v>5545</v>
      </c>
      <c r="W58" s="41">
        <v>227.71000000000004</v>
      </c>
      <c r="X58" s="6">
        <v>1</v>
      </c>
      <c r="Y58" s="41">
        <v>226.71000000000004</v>
      </c>
      <c r="Z58" s="41">
        <v>335.28</v>
      </c>
      <c r="AA58" s="41">
        <v>8712.5700000000015</v>
      </c>
    </row>
    <row r="59" spans="1:27" ht="18" customHeight="1" x14ac:dyDescent="0.15">
      <c r="A59" s="47" t="s">
        <v>18</v>
      </c>
      <c r="B59" s="57" t="s">
        <v>36</v>
      </c>
      <c r="C59" s="57" t="s">
        <v>85</v>
      </c>
      <c r="D59" s="43">
        <v>1627.0400000000004</v>
      </c>
      <c r="E59" s="43">
        <v>920807</v>
      </c>
      <c r="F59" s="43">
        <v>13982</v>
      </c>
      <c r="G59" s="10">
        <v>25.95</v>
      </c>
      <c r="H59" s="43">
        <v>3251</v>
      </c>
      <c r="I59" s="43">
        <v>60</v>
      </c>
      <c r="J59" s="43">
        <v>1652.9900000000005</v>
      </c>
      <c r="K59" s="43">
        <v>924058</v>
      </c>
      <c r="L59" s="43">
        <v>14042</v>
      </c>
      <c r="M59" s="11">
        <v>0.21138520166756186</v>
      </c>
      <c r="N59" s="43">
        <v>153.82999999999998</v>
      </c>
      <c r="O59" s="43">
        <v>58111</v>
      </c>
      <c r="P59" s="43">
        <v>619</v>
      </c>
      <c r="Q59" s="43">
        <v>5287.31</v>
      </c>
      <c r="R59" s="43">
        <v>962408</v>
      </c>
      <c r="S59" s="43">
        <v>5400</v>
      </c>
      <c r="T59" s="43">
        <v>5441.14</v>
      </c>
      <c r="U59" s="43">
        <v>1020519</v>
      </c>
      <c r="V59" s="43">
        <v>6019</v>
      </c>
      <c r="W59" s="43">
        <v>325.99</v>
      </c>
      <c r="X59" s="10">
        <v>0.87</v>
      </c>
      <c r="Y59" s="43">
        <v>325.12</v>
      </c>
      <c r="Z59" s="43">
        <v>399.67999999999995</v>
      </c>
      <c r="AA59" s="43">
        <v>7819.8000000000011</v>
      </c>
    </row>
    <row r="60" spans="1:27" ht="18" customHeight="1" x14ac:dyDescent="0.15">
      <c r="A60" s="47" t="s">
        <v>18</v>
      </c>
      <c r="B60" s="57" t="s">
        <v>36</v>
      </c>
      <c r="C60" s="57" t="s">
        <v>86</v>
      </c>
      <c r="D60" s="43">
        <v>3917.8999999999996</v>
      </c>
      <c r="E60" s="43">
        <v>1913024</v>
      </c>
      <c r="F60" s="43">
        <v>34531</v>
      </c>
      <c r="G60" s="10">
        <v>18.989999999999998</v>
      </c>
      <c r="H60" s="43">
        <v>1780</v>
      </c>
      <c r="I60" s="43">
        <v>74</v>
      </c>
      <c r="J60" s="43">
        <v>3936.8899999999994</v>
      </c>
      <c r="K60" s="43">
        <v>1914804</v>
      </c>
      <c r="L60" s="43">
        <v>34605</v>
      </c>
      <c r="M60" s="11">
        <v>0.43215228167851449</v>
      </c>
      <c r="N60" s="43">
        <v>352.17</v>
      </c>
      <c r="O60" s="43">
        <v>133450</v>
      </c>
      <c r="P60" s="43">
        <v>1382</v>
      </c>
      <c r="Q60" s="43">
        <v>4539.49</v>
      </c>
      <c r="R60" s="43">
        <v>796765</v>
      </c>
      <c r="S60" s="43">
        <v>5334</v>
      </c>
      <c r="T60" s="43">
        <v>4891.66</v>
      </c>
      <c r="U60" s="43">
        <v>930215</v>
      </c>
      <c r="V60" s="43">
        <v>6716</v>
      </c>
      <c r="W60" s="43">
        <v>89.690000000000012</v>
      </c>
      <c r="X60" s="10">
        <v>0.13</v>
      </c>
      <c r="Y60" s="43">
        <v>89.560000000000016</v>
      </c>
      <c r="Z60" s="43">
        <v>191.72</v>
      </c>
      <c r="AA60" s="43">
        <v>9109.9599999999991</v>
      </c>
    </row>
    <row r="61" spans="1:27" ht="18" customHeight="1" x14ac:dyDescent="0.15">
      <c r="A61" s="47" t="s">
        <v>18</v>
      </c>
      <c r="B61" s="57" t="s">
        <v>36</v>
      </c>
      <c r="C61" s="57" t="s">
        <v>87</v>
      </c>
      <c r="D61" s="43">
        <v>2076.27</v>
      </c>
      <c r="E61" s="43">
        <v>905956</v>
      </c>
      <c r="F61" s="43">
        <v>15820</v>
      </c>
      <c r="G61" s="10">
        <v>10.83</v>
      </c>
      <c r="H61" s="43">
        <v>586</v>
      </c>
      <c r="I61" s="43">
        <v>20</v>
      </c>
      <c r="J61" s="43">
        <v>2087.1</v>
      </c>
      <c r="K61" s="43">
        <v>906542</v>
      </c>
      <c r="L61" s="43">
        <v>15840</v>
      </c>
      <c r="M61" s="11">
        <v>0.47798883295697614</v>
      </c>
      <c r="N61" s="43">
        <v>338.46999999999997</v>
      </c>
      <c r="O61" s="43">
        <v>114156</v>
      </c>
      <c r="P61" s="43">
        <v>1225</v>
      </c>
      <c r="Q61" s="43">
        <v>1782.33</v>
      </c>
      <c r="R61" s="43">
        <v>316927</v>
      </c>
      <c r="S61" s="43">
        <v>2078</v>
      </c>
      <c r="T61" s="43">
        <v>2120.7999999999997</v>
      </c>
      <c r="U61" s="43">
        <v>431083</v>
      </c>
      <c r="V61" s="43">
        <v>3303</v>
      </c>
      <c r="W61" s="43">
        <v>51.81</v>
      </c>
      <c r="X61" s="10">
        <v>0</v>
      </c>
      <c r="Y61" s="43">
        <v>51.81</v>
      </c>
      <c r="Z61" s="43">
        <v>106.71000000000001</v>
      </c>
      <c r="AA61" s="43">
        <v>4366.42</v>
      </c>
    </row>
    <row r="62" spans="1:27" ht="18" customHeight="1" x14ac:dyDescent="0.15">
      <c r="A62" s="47" t="s">
        <v>18</v>
      </c>
      <c r="B62" s="57" t="s">
        <v>36</v>
      </c>
      <c r="C62" s="57" t="s">
        <v>88</v>
      </c>
      <c r="D62" s="43">
        <v>458.74999999999994</v>
      </c>
      <c r="E62" s="43">
        <v>176417</v>
      </c>
      <c r="F62" s="43">
        <v>3092</v>
      </c>
      <c r="G62" s="10">
        <v>0.36000000000000004</v>
      </c>
      <c r="H62" s="43">
        <v>46</v>
      </c>
      <c r="I62" s="43">
        <v>1</v>
      </c>
      <c r="J62" s="43">
        <v>459.10999999999996</v>
      </c>
      <c r="K62" s="43">
        <v>176463</v>
      </c>
      <c r="L62" s="43">
        <v>3093</v>
      </c>
      <c r="M62" s="11">
        <v>0.37028882060215995</v>
      </c>
      <c r="N62" s="43">
        <v>275.61</v>
      </c>
      <c r="O62" s="43">
        <v>97390</v>
      </c>
      <c r="P62" s="43">
        <v>828</v>
      </c>
      <c r="Q62" s="43">
        <v>450.26999999999992</v>
      </c>
      <c r="R62" s="43">
        <v>77151</v>
      </c>
      <c r="S62" s="43">
        <v>551</v>
      </c>
      <c r="T62" s="43">
        <v>725.87999999999988</v>
      </c>
      <c r="U62" s="43">
        <v>174541</v>
      </c>
      <c r="V62" s="43">
        <v>1379</v>
      </c>
      <c r="W62" s="43">
        <v>13.12</v>
      </c>
      <c r="X62" s="10">
        <v>0</v>
      </c>
      <c r="Y62" s="43">
        <v>13.12</v>
      </c>
      <c r="Z62" s="43">
        <v>41.759999999999991</v>
      </c>
      <c r="AA62" s="43">
        <v>1239.8699999999997</v>
      </c>
    </row>
    <row r="63" spans="1:27" ht="18" customHeight="1" x14ac:dyDescent="0.15">
      <c r="A63" s="47" t="s">
        <v>18</v>
      </c>
      <c r="B63" s="57" t="s">
        <v>36</v>
      </c>
      <c r="C63" s="57" t="s">
        <v>89</v>
      </c>
      <c r="D63" s="43">
        <v>424.50999999999993</v>
      </c>
      <c r="E63" s="43">
        <v>276946</v>
      </c>
      <c r="F63" s="43">
        <v>3164</v>
      </c>
      <c r="G63" s="10">
        <v>5.5200000000000005</v>
      </c>
      <c r="H63" s="43">
        <v>75</v>
      </c>
      <c r="I63" s="43">
        <v>1</v>
      </c>
      <c r="J63" s="43">
        <v>430.02999999999992</v>
      </c>
      <c r="K63" s="43">
        <v>277021</v>
      </c>
      <c r="L63" s="43">
        <v>3165</v>
      </c>
      <c r="M63" s="11">
        <v>0.1513444076863518</v>
      </c>
      <c r="N63" s="43">
        <v>52.45</v>
      </c>
      <c r="O63" s="43">
        <v>16376</v>
      </c>
      <c r="P63" s="43">
        <v>106</v>
      </c>
      <c r="Q63" s="43">
        <v>2275.88</v>
      </c>
      <c r="R63" s="43">
        <v>405894</v>
      </c>
      <c r="S63" s="43">
        <v>2740</v>
      </c>
      <c r="T63" s="43">
        <v>2328.33</v>
      </c>
      <c r="U63" s="43">
        <v>422270</v>
      </c>
      <c r="V63" s="43">
        <v>2846</v>
      </c>
      <c r="W63" s="43">
        <v>18.68</v>
      </c>
      <c r="X63" s="10">
        <v>0</v>
      </c>
      <c r="Y63" s="43">
        <v>18.68</v>
      </c>
      <c r="Z63" s="43">
        <v>64.36</v>
      </c>
      <c r="AA63" s="43">
        <v>2841.3999999999996</v>
      </c>
    </row>
    <row r="64" spans="1:27" ht="18" customHeight="1" x14ac:dyDescent="0.15">
      <c r="A64" s="47" t="s">
        <v>18</v>
      </c>
      <c r="B64" s="57" t="s">
        <v>36</v>
      </c>
      <c r="C64" s="57" t="s">
        <v>90</v>
      </c>
      <c r="D64" s="43">
        <v>663.35000000000014</v>
      </c>
      <c r="E64" s="43">
        <v>264046</v>
      </c>
      <c r="F64" s="43">
        <v>4758</v>
      </c>
      <c r="G64" s="10">
        <v>0.63</v>
      </c>
      <c r="H64" s="43">
        <v>81</v>
      </c>
      <c r="I64" s="43">
        <v>1</v>
      </c>
      <c r="J64" s="43">
        <v>663.98000000000013</v>
      </c>
      <c r="K64" s="43">
        <v>264127</v>
      </c>
      <c r="L64" s="43">
        <v>4759</v>
      </c>
      <c r="M64" s="11">
        <v>0.32953496451436803</v>
      </c>
      <c r="N64" s="43">
        <v>300.71000000000004</v>
      </c>
      <c r="O64" s="43">
        <v>101744</v>
      </c>
      <c r="P64" s="43">
        <v>1002</v>
      </c>
      <c r="Q64" s="43">
        <v>914.37</v>
      </c>
      <c r="R64" s="43">
        <v>161063</v>
      </c>
      <c r="S64" s="43">
        <v>961</v>
      </c>
      <c r="T64" s="43">
        <v>1215.08</v>
      </c>
      <c r="U64" s="43">
        <v>262807</v>
      </c>
      <c r="V64" s="43">
        <v>1963</v>
      </c>
      <c r="W64" s="43">
        <v>40.1</v>
      </c>
      <c r="X64" s="10">
        <v>0.04</v>
      </c>
      <c r="Y64" s="43">
        <v>40.06</v>
      </c>
      <c r="Z64" s="43">
        <v>95.740000000000009</v>
      </c>
      <c r="AA64" s="43">
        <v>2014.8999999999999</v>
      </c>
    </row>
    <row r="65" spans="1:27" ht="18" customHeight="1" x14ac:dyDescent="0.15">
      <c r="A65" s="47" t="s">
        <v>18</v>
      </c>
      <c r="B65" s="57" t="s">
        <v>36</v>
      </c>
      <c r="C65" s="60" t="s">
        <v>1</v>
      </c>
      <c r="D65" s="71">
        <v>13339.6</v>
      </c>
      <c r="E65" s="71">
        <v>6516388</v>
      </c>
      <c r="F65" s="71">
        <v>107368</v>
      </c>
      <c r="G65" s="19">
        <v>79.219999999999985</v>
      </c>
      <c r="H65" s="71">
        <v>8434</v>
      </c>
      <c r="I65" s="71">
        <v>178</v>
      </c>
      <c r="J65" s="71">
        <v>13418.82</v>
      </c>
      <c r="K65" s="71">
        <v>6524822</v>
      </c>
      <c r="L65" s="71">
        <v>107546</v>
      </c>
      <c r="M65" s="22">
        <v>0.37166181229594192</v>
      </c>
      <c r="N65" s="71">
        <v>2196.2200000000003</v>
      </c>
      <c r="O65" s="71">
        <v>796898</v>
      </c>
      <c r="P65" s="71">
        <v>7415</v>
      </c>
      <c r="Q65" s="71">
        <v>18487.53</v>
      </c>
      <c r="R65" s="71">
        <v>3306241</v>
      </c>
      <c r="S65" s="71">
        <v>20356</v>
      </c>
      <c r="T65" s="71">
        <v>20683.75</v>
      </c>
      <c r="U65" s="71">
        <v>4103139</v>
      </c>
      <c r="V65" s="71">
        <v>27771</v>
      </c>
      <c r="W65" s="71">
        <v>767.1</v>
      </c>
      <c r="X65" s="19">
        <v>2.04</v>
      </c>
      <c r="Y65" s="71">
        <v>765.06</v>
      </c>
      <c r="Z65" s="71">
        <v>1235.2499999999998</v>
      </c>
      <c r="AA65" s="71">
        <v>36104.92</v>
      </c>
    </row>
    <row r="66" spans="1:27" ht="18" customHeight="1" x14ac:dyDescent="0.15">
      <c r="A66" s="47" t="s">
        <v>18</v>
      </c>
      <c r="B66" s="54" t="s">
        <v>1</v>
      </c>
      <c r="C66" s="54" t="s">
        <v>1</v>
      </c>
      <c r="D66" s="72">
        <v>77771.200000000012</v>
      </c>
      <c r="E66" s="72">
        <v>37067107</v>
      </c>
      <c r="F66" s="72">
        <v>664258</v>
      </c>
      <c r="G66" s="23">
        <v>998.83000000000015</v>
      </c>
      <c r="H66" s="72">
        <v>82238</v>
      </c>
      <c r="I66" s="72">
        <v>2722</v>
      </c>
      <c r="J66" s="72">
        <v>78770.03</v>
      </c>
      <c r="K66" s="72">
        <v>37149345</v>
      </c>
      <c r="L66" s="72">
        <v>666980</v>
      </c>
      <c r="M66" s="24">
        <v>0.42875465951411779</v>
      </c>
      <c r="N66" s="72">
        <v>10317.59</v>
      </c>
      <c r="O66" s="72">
        <v>3829128</v>
      </c>
      <c r="P66" s="72">
        <v>34353</v>
      </c>
      <c r="Q66" s="72">
        <v>85080.510000000009</v>
      </c>
      <c r="R66" s="72">
        <v>15180676</v>
      </c>
      <c r="S66" s="72">
        <v>93059</v>
      </c>
      <c r="T66" s="72">
        <v>95398.1</v>
      </c>
      <c r="U66" s="72">
        <v>19009804</v>
      </c>
      <c r="V66" s="72">
        <v>127412</v>
      </c>
      <c r="W66" s="72">
        <v>3386.11</v>
      </c>
      <c r="X66" s="23">
        <v>73.25</v>
      </c>
      <c r="Y66" s="72">
        <v>3312.8599999999997</v>
      </c>
      <c r="Z66" s="72">
        <v>6163.95</v>
      </c>
      <c r="AA66" s="72">
        <v>183718.19</v>
      </c>
    </row>
    <row r="67" spans="1:27" ht="18" customHeight="1" x14ac:dyDescent="0.15">
      <c r="A67" s="49" t="s">
        <v>19</v>
      </c>
      <c r="B67" s="55" t="s">
        <v>91</v>
      </c>
      <c r="C67" s="55" t="s">
        <v>92</v>
      </c>
      <c r="D67" s="41">
        <v>5437.7099999999991</v>
      </c>
      <c r="E67" s="41">
        <v>3413206</v>
      </c>
      <c r="F67" s="41">
        <v>37968</v>
      </c>
      <c r="G67" s="6">
        <v>66.879999999999981</v>
      </c>
      <c r="H67" s="41">
        <v>5726</v>
      </c>
      <c r="I67" s="41">
        <v>166</v>
      </c>
      <c r="J67" s="41">
        <v>5504.5899999999992</v>
      </c>
      <c r="K67" s="41">
        <v>3418932</v>
      </c>
      <c r="L67" s="41">
        <v>38134</v>
      </c>
      <c r="M67" s="7">
        <v>0.54335785617761467</v>
      </c>
      <c r="N67" s="41">
        <v>796.89</v>
      </c>
      <c r="O67" s="41">
        <v>300852</v>
      </c>
      <c r="P67" s="41">
        <v>2583</v>
      </c>
      <c r="Q67" s="41">
        <v>3486.77</v>
      </c>
      <c r="R67" s="41">
        <v>638162</v>
      </c>
      <c r="S67" s="41">
        <v>4024</v>
      </c>
      <c r="T67" s="41">
        <v>4283.66</v>
      </c>
      <c r="U67" s="41">
        <v>939014</v>
      </c>
      <c r="V67" s="41">
        <v>6607</v>
      </c>
      <c r="W67" s="41">
        <v>246.45</v>
      </c>
      <c r="X67" s="6">
        <v>3.45</v>
      </c>
      <c r="Y67" s="41">
        <v>243</v>
      </c>
      <c r="Z67" s="41">
        <v>95.990000000000009</v>
      </c>
      <c r="AA67" s="41">
        <v>10130.69</v>
      </c>
    </row>
    <row r="68" spans="1:27" ht="18" customHeight="1" x14ac:dyDescent="0.15">
      <c r="A68" s="49" t="s">
        <v>19</v>
      </c>
      <c r="B68" s="57" t="s">
        <v>91</v>
      </c>
      <c r="C68" s="57" t="s">
        <v>93</v>
      </c>
      <c r="D68" s="43">
        <v>974.97999999999979</v>
      </c>
      <c r="E68" s="43">
        <v>670234</v>
      </c>
      <c r="F68" s="43">
        <v>8492</v>
      </c>
      <c r="G68" s="10">
        <v>26.559999999999995</v>
      </c>
      <c r="H68" s="43">
        <v>1346</v>
      </c>
      <c r="I68" s="43">
        <v>23</v>
      </c>
      <c r="J68" s="43">
        <v>1001.5399999999997</v>
      </c>
      <c r="K68" s="43">
        <v>671580</v>
      </c>
      <c r="L68" s="43">
        <v>8515</v>
      </c>
      <c r="M68" s="11">
        <v>0.57056752537969846</v>
      </c>
      <c r="N68" s="43">
        <v>161.24</v>
      </c>
      <c r="O68" s="43">
        <v>69134</v>
      </c>
      <c r="P68" s="43">
        <v>434</v>
      </c>
      <c r="Q68" s="43">
        <v>540.78</v>
      </c>
      <c r="R68" s="43">
        <v>106530</v>
      </c>
      <c r="S68" s="43">
        <v>586</v>
      </c>
      <c r="T68" s="43">
        <v>702.02</v>
      </c>
      <c r="U68" s="43">
        <v>175664</v>
      </c>
      <c r="V68" s="43">
        <v>1020</v>
      </c>
      <c r="W68" s="43">
        <v>46.800000000000004</v>
      </c>
      <c r="X68" s="10">
        <v>0.84</v>
      </c>
      <c r="Y68" s="43">
        <v>45.96</v>
      </c>
      <c r="Z68" s="43">
        <v>4.9800000000000004</v>
      </c>
      <c r="AA68" s="43">
        <v>1755.3399999999997</v>
      </c>
    </row>
    <row r="69" spans="1:27" ht="18" customHeight="1" x14ac:dyDescent="0.15">
      <c r="A69" s="49" t="s">
        <v>19</v>
      </c>
      <c r="B69" s="57" t="s">
        <v>91</v>
      </c>
      <c r="C69" s="57" t="s">
        <v>94</v>
      </c>
      <c r="D69" s="43">
        <v>1980.6899999999998</v>
      </c>
      <c r="E69" s="43">
        <v>1099666</v>
      </c>
      <c r="F69" s="43">
        <v>13294</v>
      </c>
      <c r="G69" s="10">
        <v>51.02</v>
      </c>
      <c r="H69" s="43">
        <v>5017</v>
      </c>
      <c r="I69" s="43">
        <v>151</v>
      </c>
      <c r="J69" s="43">
        <v>2031.7099999999998</v>
      </c>
      <c r="K69" s="43">
        <v>1104683</v>
      </c>
      <c r="L69" s="43">
        <v>13445</v>
      </c>
      <c r="M69" s="11">
        <v>0.44519799018759271</v>
      </c>
      <c r="N69" s="43">
        <v>555.4</v>
      </c>
      <c r="O69" s="43">
        <v>217935</v>
      </c>
      <c r="P69" s="43">
        <v>1690</v>
      </c>
      <c r="Q69" s="43">
        <v>1851.6999999999998</v>
      </c>
      <c r="R69" s="43">
        <v>325098</v>
      </c>
      <c r="S69" s="43">
        <v>2269</v>
      </c>
      <c r="T69" s="43">
        <v>2407.1</v>
      </c>
      <c r="U69" s="43">
        <v>543033</v>
      </c>
      <c r="V69" s="43">
        <v>3959</v>
      </c>
      <c r="W69" s="43">
        <v>95.29</v>
      </c>
      <c r="X69" s="10">
        <v>2.89</v>
      </c>
      <c r="Y69" s="43">
        <v>92.4</v>
      </c>
      <c r="Z69" s="43">
        <v>29.509999999999998</v>
      </c>
      <c r="AA69" s="43">
        <v>4563.6099999999997</v>
      </c>
    </row>
    <row r="70" spans="1:27" ht="18" customHeight="1" x14ac:dyDescent="0.15">
      <c r="A70" s="49" t="s">
        <v>19</v>
      </c>
      <c r="B70" s="57" t="s">
        <v>91</v>
      </c>
      <c r="C70" s="57" t="s">
        <v>95</v>
      </c>
      <c r="D70" s="43">
        <v>1516.4200000000005</v>
      </c>
      <c r="E70" s="43">
        <v>919964</v>
      </c>
      <c r="F70" s="43">
        <v>10755</v>
      </c>
      <c r="G70" s="10">
        <v>21.12</v>
      </c>
      <c r="H70" s="43">
        <v>2820</v>
      </c>
      <c r="I70" s="43">
        <v>39</v>
      </c>
      <c r="J70" s="43">
        <v>1537.5400000000004</v>
      </c>
      <c r="K70" s="43">
        <v>922784</v>
      </c>
      <c r="L70" s="43">
        <v>10794</v>
      </c>
      <c r="M70" s="11">
        <v>0.34692726337355712</v>
      </c>
      <c r="N70" s="43">
        <v>727.1</v>
      </c>
      <c r="O70" s="43">
        <v>314099</v>
      </c>
      <c r="P70" s="43">
        <v>2098</v>
      </c>
      <c r="Q70" s="43">
        <v>2075.6999999999998</v>
      </c>
      <c r="R70" s="43">
        <v>383824</v>
      </c>
      <c r="S70" s="43">
        <v>2352</v>
      </c>
      <c r="T70" s="43">
        <v>2802.7999999999997</v>
      </c>
      <c r="U70" s="43">
        <v>697923</v>
      </c>
      <c r="V70" s="43">
        <v>4450</v>
      </c>
      <c r="W70" s="43">
        <v>73.280000000000015</v>
      </c>
      <c r="X70" s="10">
        <v>2.0100000000000002</v>
      </c>
      <c r="Y70" s="43">
        <v>71.27000000000001</v>
      </c>
      <c r="Z70" s="43">
        <v>18.259999999999998</v>
      </c>
      <c r="AA70" s="43">
        <v>4431.88</v>
      </c>
    </row>
    <row r="71" spans="1:27" ht="18" customHeight="1" x14ac:dyDescent="0.15">
      <c r="A71" s="49" t="s">
        <v>19</v>
      </c>
      <c r="B71" s="57" t="s">
        <v>91</v>
      </c>
      <c r="C71" s="60" t="s">
        <v>1</v>
      </c>
      <c r="D71" s="43">
        <v>9909.7999999999993</v>
      </c>
      <c r="E71" s="43">
        <v>6103070</v>
      </c>
      <c r="F71" s="43">
        <v>70509</v>
      </c>
      <c r="G71" s="10">
        <v>165.57999999999998</v>
      </c>
      <c r="H71" s="43">
        <v>14909</v>
      </c>
      <c r="I71" s="43">
        <v>379</v>
      </c>
      <c r="J71" s="43">
        <v>10075.379999999999</v>
      </c>
      <c r="K71" s="43">
        <v>6117979</v>
      </c>
      <c r="L71" s="43">
        <v>70888</v>
      </c>
      <c r="M71" s="11">
        <v>0.4825022316383098</v>
      </c>
      <c r="N71" s="43">
        <v>2240.63</v>
      </c>
      <c r="O71" s="43">
        <v>902020</v>
      </c>
      <c r="P71" s="43">
        <v>6805</v>
      </c>
      <c r="Q71" s="43">
        <v>7954.95</v>
      </c>
      <c r="R71" s="43">
        <v>1453614</v>
      </c>
      <c r="S71" s="43">
        <v>9231</v>
      </c>
      <c r="T71" s="43">
        <v>10195.58</v>
      </c>
      <c r="U71" s="43">
        <v>2355634</v>
      </c>
      <c r="V71" s="43">
        <v>16036</v>
      </c>
      <c r="W71" s="43">
        <v>461.82000000000005</v>
      </c>
      <c r="X71" s="10">
        <v>9.19</v>
      </c>
      <c r="Y71" s="43">
        <v>452.63</v>
      </c>
      <c r="Z71" s="43">
        <v>148.74</v>
      </c>
      <c r="AA71" s="43">
        <v>20881.52</v>
      </c>
    </row>
    <row r="72" spans="1:27" ht="18" customHeight="1" x14ac:dyDescent="0.15">
      <c r="A72" s="49" t="s">
        <v>19</v>
      </c>
      <c r="B72" s="63" t="s">
        <v>96</v>
      </c>
      <c r="C72" s="63" t="s">
        <v>97</v>
      </c>
      <c r="D72" s="73">
        <v>750.6400000000001</v>
      </c>
      <c r="E72" s="73">
        <v>339328</v>
      </c>
      <c r="F72" s="73">
        <v>6334</v>
      </c>
      <c r="G72" s="25">
        <v>37.26</v>
      </c>
      <c r="H72" s="73">
        <v>3095</v>
      </c>
      <c r="I72" s="73">
        <v>120</v>
      </c>
      <c r="J72" s="73">
        <v>787.90000000000009</v>
      </c>
      <c r="K72" s="73">
        <v>342423</v>
      </c>
      <c r="L72" s="73">
        <v>6454</v>
      </c>
      <c r="M72" s="26">
        <v>0.307032242477145</v>
      </c>
      <c r="N72" s="73">
        <v>53.370000000000012</v>
      </c>
      <c r="O72" s="73">
        <v>16762</v>
      </c>
      <c r="P72" s="73">
        <v>241</v>
      </c>
      <c r="Q72" s="73">
        <v>1509.5699999999997</v>
      </c>
      <c r="R72" s="73">
        <v>238973</v>
      </c>
      <c r="S72" s="73">
        <v>2146</v>
      </c>
      <c r="T72" s="73">
        <v>1562.9399999999998</v>
      </c>
      <c r="U72" s="73">
        <v>255735</v>
      </c>
      <c r="V72" s="73">
        <v>2387</v>
      </c>
      <c r="W72" s="73">
        <v>146.84</v>
      </c>
      <c r="X72" s="25">
        <v>0.75</v>
      </c>
      <c r="Y72" s="73">
        <v>146.09</v>
      </c>
      <c r="Z72" s="73">
        <v>68.5</v>
      </c>
      <c r="AA72" s="73">
        <v>2566.1800000000003</v>
      </c>
    </row>
    <row r="73" spans="1:27" ht="18" customHeight="1" x14ac:dyDescent="0.15">
      <c r="A73" s="49" t="s">
        <v>19</v>
      </c>
      <c r="B73" s="63" t="s">
        <v>98</v>
      </c>
      <c r="C73" s="57" t="s">
        <v>13</v>
      </c>
      <c r="D73" s="43">
        <v>734.2399999999999</v>
      </c>
      <c r="E73" s="43">
        <v>385877</v>
      </c>
      <c r="F73" s="43">
        <v>4923</v>
      </c>
      <c r="G73" s="10">
        <v>29.790000000000003</v>
      </c>
      <c r="H73" s="43">
        <v>2519</v>
      </c>
      <c r="I73" s="43">
        <v>102</v>
      </c>
      <c r="J73" s="43">
        <v>764.02999999999986</v>
      </c>
      <c r="K73" s="43">
        <v>388396</v>
      </c>
      <c r="L73" s="43">
        <v>5025</v>
      </c>
      <c r="M73" s="11">
        <v>0.15449618830000203</v>
      </c>
      <c r="N73" s="43">
        <v>114.72999999999999</v>
      </c>
      <c r="O73" s="43">
        <v>28035</v>
      </c>
      <c r="P73" s="43">
        <v>439</v>
      </c>
      <c r="Q73" s="43">
        <v>3652.6200000000003</v>
      </c>
      <c r="R73" s="43">
        <v>584351</v>
      </c>
      <c r="S73" s="43">
        <v>5497</v>
      </c>
      <c r="T73" s="43">
        <v>3767.3500000000004</v>
      </c>
      <c r="U73" s="43">
        <v>612386</v>
      </c>
      <c r="V73" s="43">
        <v>5936</v>
      </c>
      <c r="W73" s="43">
        <v>356.19000000000005</v>
      </c>
      <c r="X73" s="10">
        <v>0.87</v>
      </c>
      <c r="Y73" s="43">
        <v>355.32000000000005</v>
      </c>
      <c r="Z73" s="43">
        <v>57.730000000000004</v>
      </c>
      <c r="AA73" s="43">
        <v>4945.2999999999993</v>
      </c>
    </row>
    <row r="74" spans="1:27" ht="18" customHeight="1" x14ac:dyDescent="0.15">
      <c r="A74" s="49" t="s">
        <v>19</v>
      </c>
      <c r="B74" s="56" t="s">
        <v>99</v>
      </c>
      <c r="C74" s="64" t="s">
        <v>100</v>
      </c>
      <c r="D74" s="74">
        <v>240.52999999999997</v>
      </c>
      <c r="E74" s="74">
        <v>95582</v>
      </c>
      <c r="F74" s="74">
        <v>1355</v>
      </c>
      <c r="G74" s="27">
        <v>19.66</v>
      </c>
      <c r="H74" s="74">
        <v>1543</v>
      </c>
      <c r="I74" s="74">
        <v>62</v>
      </c>
      <c r="J74" s="74">
        <v>260.19</v>
      </c>
      <c r="K74" s="74">
        <v>97125</v>
      </c>
      <c r="L74" s="74">
        <v>1417</v>
      </c>
      <c r="M74" s="28">
        <v>0.2350300347771104</v>
      </c>
      <c r="N74" s="74">
        <v>13.059999999999999</v>
      </c>
      <c r="O74" s="74">
        <v>2072</v>
      </c>
      <c r="P74" s="74">
        <v>20</v>
      </c>
      <c r="Q74" s="74">
        <v>516.69999999999993</v>
      </c>
      <c r="R74" s="74">
        <v>74461</v>
      </c>
      <c r="S74" s="74">
        <v>953</v>
      </c>
      <c r="T74" s="74">
        <v>529.75999999999988</v>
      </c>
      <c r="U74" s="74">
        <v>76533</v>
      </c>
      <c r="V74" s="74">
        <v>973</v>
      </c>
      <c r="W74" s="74">
        <v>287.73</v>
      </c>
      <c r="X74" s="27">
        <v>0</v>
      </c>
      <c r="Y74" s="74">
        <v>287.73</v>
      </c>
      <c r="Z74" s="74">
        <v>29.37</v>
      </c>
      <c r="AA74" s="74">
        <v>1107.0499999999997</v>
      </c>
    </row>
    <row r="75" spans="1:27" ht="18" customHeight="1" x14ac:dyDescent="0.15">
      <c r="A75" s="49" t="s">
        <v>19</v>
      </c>
      <c r="B75" s="65" t="s">
        <v>1</v>
      </c>
      <c r="C75" s="65" t="s">
        <v>1</v>
      </c>
      <c r="D75" s="72">
        <v>11635.21</v>
      </c>
      <c r="E75" s="72">
        <v>6923857</v>
      </c>
      <c r="F75" s="72">
        <v>83121</v>
      </c>
      <c r="G75" s="23">
        <v>252.28999999999996</v>
      </c>
      <c r="H75" s="72">
        <v>22066</v>
      </c>
      <c r="I75" s="72">
        <v>663</v>
      </c>
      <c r="J75" s="72">
        <v>11887.5</v>
      </c>
      <c r="K75" s="72">
        <v>6945923</v>
      </c>
      <c r="L75" s="72">
        <v>83784</v>
      </c>
      <c r="M75" s="24">
        <v>0.40296541870268016</v>
      </c>
      <c r="N75" s="72">
        <v>2421.79</v>
      </c>
      <c r="O75" s="72">
        <v>948889</v>
      </c>
      <c r="P75" s="72">
        <v>7505</v>
      </c>
      <c r="Q75" s="72">
        <v>13633.840000000002</v>
      </c>
      <c r="R75" s="72">
        <v>2351399</v>
      </c>
      <c r="S75" s="72">
        <v>17827</v>
      </c>
      <c r="T75" s="72">
        <v>16055.630000000001</v>
      </c>
      <c r="U75" s="72">
        <v>3300288</v>
      </c>
      <c r="V75" s="72">
        <v>25332</v>
      </c>
      <c r="W75" s="72">
        <v>1252.5800000000002</v>
      </c>
      <c r="X75" s="23">
        <v>10.809999999999999</v>
      </c>
      <c r="Y75" s="72">
        <v>1241.77</v>
      </c>
      <c r="Z75" s="72">
        <v>304.34000000000003</v>
      </c>
      <c r="AA75" s="72">
        <v>29500.05</v>
      </c>
    </row>
    <row r="76" spans="1:27" ht="18" customHeight="1" x14ac:dyDescent="0.15">
      <c r="A76" s="49" t="s">
        <v>48</v>
      </c>
      <c r="B76" s="55" t="s">
        <v>30</v>
      </c>
      <c r="C76" s="55" t="s">
        <v>101</v>
      </c>
      <c r="D76" s="41">
        <v>6098.67</v>
      </c>
      <c r="E76" s="41">
        <v>2673899</v>
      </c>
      <c r="F76" s="41">
        <v>51818</v>
      </c>
      <c r="G76" s="6">
        <v>32.71</v>
      </c>
      <c r="H76" s="41">
        <v>2965</v>
      </c>
      <c r="I76" s="41">
        <v>122</v>
      </c>
      <c r="J76" s="41">
        <v>6131.38</v>
      </c>
      <c r="K76" s="41">
        <v>2676864</v>
      </c>
      <c r="L76" s="41">
        <v>51940</v>
      </c>
      <c r="M76" s="7">
        <v>0.27370631449678612</v>
      </c>
      <c r="N76" s="41">
        <v>2239.1699999999996</v>
      </c>
      <c r="O76" s="41">
        <v>830471</v>
      </c>
      <c r="P76" s="41">
        <v>8690</v>
      </c>
      <c r="Q76" s="41">
        <v>12740.500000000002</v>
      </c>
      <c r="R76" s="41">
        <v>2149233</v>
      </c>
      <c r="S76" s="41">
        <v>18249</v>
      </c>
      <c r="T76" s="41">
        <v>14979.670000000002</v>
      </c>
      <c r="U76" s="41">
        <v>2979704</v>
      </c>
      <c r="V76" s="41">
        <v>26939</v>
      </c>
      <c r="W76" s="41">
        <v>594.24999999999989</v>
      </c>
      <c r="X76" s="6">
        <v>25.68</v>
      </c>
      <c r="Y76" s="41">
        <v>568.56999999999994</v>
      </c>
      <c r="Z76" s="41">
        <v>696.0100000000001</v>
      </c>
      <c r="AA76" s="41">
        <v>22401.31</v>
      </c>
    </row>
    <row r="77" spans="1:27" ht="18" customHeight="1" x14ac:dyDescent="0.15">
      <c r="A77" s="49" t="s">
        <v>48</v>
      </c>
      <c r="B77" s="57" t="s">
        <v>30</v>
      </c>
      <c r="C77" s="57" t="s">
        <v>102</v>
      </c>
      <c r="D77" s="43">
        <v>4524.66</v>
      </c>
      <c r="E77" s="43">
        <v>2290249</v>
      </c>
      <c r="F77" s="43">
        <v>43210</v>
      </c>
      <c r="G77" s="10">
        <v>38.380000000000003</v>
      </c>
      <c r="H77" s="43">
        <v>3932</v>
      </c>
      <c r="I77" s="43">
        <v>105</v>
      </c>
      <c r="J77" s="43">
        <v>4563.04</v>
      </c>
      <c r="K77" s="43">
        <v>2294181</v>
      </c>
      <c r="L77" s="43">
        <v>43315</v>
      </c>
      <c r="M77" s="11">
        <v>0.3885207307156876</v>
      </c>
      <c r="N77" s="43">
        <v>478.85999999999996</v>
      </c>
      <c r="O77" s="43">
        <v>178145</v>
      </c>
      <c r="P77" s="43">
        <v>2028</v>
      </c>
      <c r="Q77" s="43">
        <v>6282.38</v>
      </c>
      <c r="R77" s="43">
        <v>1082039</v>
      </c>
      <c r="S77" s="43">
        <v>8855</v>
      </c>
      <c r="T77" s="43">
        <v>6761.24</v>
      </c>
      <c r="U77" s="43">
        <v>1260184</v>
      </c>
      <c r="V77" s="43">
        <v>10883</v>
      </c>
      <c r="W77" s="43">
        <v>191.76</v>
      </c>
      <c r="X77" s="10">
        <v>13.370000000000001</v>
      </c>
      <c r="Y77" s="43">
        <v>178.39</v>
      </c>
      <c r="Z77" s="43">
        <v>228.60999999999999</v>
      </c>
      <c r="AA77" s="43">
        <v>11744.65</v>
      </c>
    </row>
    <row r="78" spans="1:27" ht="18" customHeight="1" x14ac:dyDescent="0.15">
      <c r="A78" s="49" t="s">
        <v>48</v>
      </c>
      <c r="B78" s="57" t="s">
        <v>30</v>
      </c>
      <c r="C78" s="57" t="s">
        <v>103</v>
      </c>
      <c r="D78" s="43">
        <v>8297.2900000000009</v>
      </c>
      <c r="E78" s="43">
        <v>4428981</v>
      </c>
      <c r="F78" s="43">
        <v>83195</v>
      </c>
      <c r="G78" s="10">
        <v>26.48</v>
      </c>
      <c r="H78" s="43">
        <v>1718</v>
      </c>
      <c r="I78" s="43">
        <v>44</v>
      </c>
      <c r="J78" s="43">
        <v>8323.77</v>
      </c>
      <c r="K78" s="43">
        <v>4430699</v>
      </c>
      <c r="L78" s="43">
        <v>83239</v>
      </c>
      <c r="M78" s="11">
        <v>0.31215795839153959</v>
      </c>
      <c r="N78" s="43">
        <v>266.27</v>
      </c>
      <c r="O78" s="43">
        <v>190492</v>
      </c>
      <c r="P78" s="43">
        <v>1040</v>
      </c>
      <c r="Q78" s="43">
        <v>17848.27</v>
      </c>
      <c r="R78" s="43">
        <v>3148465</v>
      </c>
      <c r="S78" s="43">
        <v>25443</v>
      </c>
      <c r="T78" s="43">
        <v>18114.54</v>
      </c>
      <c r="U78" s="43">
        <v>3338957</v>
      </c>
      <c r="V78" s="43">
        <v>26483</v>
      </c>
      <c r="W78" s="43">
        <v>160.14000000000001</v>
      </c>
      <c r="X78" s="10">
        <v>6.07</v>
      </c>
      <c r="Y78" s="43">
        <v>154.07000000000002</v>
      </c>
      <c r="Z78" s="43">
        <v>66.8</v>
      </c>
      <c r="AA78" s="43">
        <v>26665.25</v>
      </c>
    </row>
    <row r="79" spans="1:27" ht="18" customHeight="1" x14ac:dyDescent="0.15">
      <c r="A79" s="49" t="s">
        <v>48</v>
      </c>
      <c r="B79" s="57" t="s">
        <v>30</v>
      </c>
      <c r="C79" s="60" t="s">
        <v>1</v>
      </c>
      <c r="D79" s="43">
        <v>18920.620000000003</v>
      </c>
      <c r="E79" s="43">
        <v>9393129</v>
      </c>
      <c r="F79" s="43">
        <v>178223</v>
      </c>
      <c r="G79" s="10">
        <v>97.570000000000007</v>
      </c>
      <c r="H79" s="43">
        <v>8615</v>
      </c>
      <c r="I79" s="43">
        <v>271</v>
      </c>
      <c r="J79" s="43">
        <v>19018.190000000002</v>
      </c>
      <c r="K79" s="43">
        <v>9401744</v>
      </c>
      <c r="L79" s="43">
        <v>178494</v>
      </c>
      <c r="M79" s="11">
        <v>0.31274151591458221</v>
      </c>
      <c r="N79" s="43">
        <v>2984.2999999999997</v>
      </c>
      <c r="O79" s="43">
        <v>1199108</v>
      </c>
      <c r="P79" s="43">
        <v>11758</v>
      </c>
      <c r="Q79" s="43">
        <v>36871.15</v>
      </c>
      <c r="R79" s="43">
        <v>6379737</v>
      </c>
      <c r="S79" s="43">
        <v>52547</v>
      </c>
      <c r="T79" s="43">
        <v>39855.450000000004</v>
      </c>
      <c r="U79" s="43">
        <v>7578845</v>
      </c>
      <c r="V79" s="43">
        <v>64305</v>
      </c>
      <c r="W79" s="43">
        <v>946.14999999999986</v>
      </c>
      <c r="X79" s="10">
        <v>45.12</v>
      </c>
      <c r="Y79" s="43">
        <v>901.03</v>
      </c>
      <c r="Z79" s="43">
        <v>991.42000000000007</v>
      </c>
      <c r="AA79" s="43">
        <v>60811.21</v>
      </c>
    </row>
    <row r="80" spans="1:27" ht="18" customHeight="1" x14ac:dyDescent="0.15">
      <c r="A80" s="49" t="s">
        <v>48</v>
      </c>
      <c r="B80" s="56" t="s">
        <v>31</v>
      </c>
      <c r="C80" s="56" t="s">
        <v>14</v>
      </c>
      <c r="D80" s="42">
        <v>4747.3899999999994</v>
      </c>
      <c r="E80" s="42">
        <v>2773777</v>
      </c>
      <c r="F80" s="42">
        <v>47909</v>
      </c>
      <c r="G80" s="8">
        <v>9.6799999999999979</v>
      </c>
      <c r="H80" s="42">
        <v>761</v>
      </c>
      <c r="I80" s="42">
        <v>32</v>
      </c>
      <c r="J80" s="42">
        <v>4757.07</v>
      </c>
      <c r="K80" s="42">
        <v>2774538</v>
      </c>
      <c r="L80" s="42">
        <v>47941</v>
      </c>
      <c r="M80" s="9">
        <v>0.38800853492025433</v>
      </c>
      <c r="N80" s="42">
        <v>475.01</v>
      </c>
      <c r="O80" s="42">
        <v>177424</v>
      </c>
      <c r="P80" s="42">
        <v>1786</v>
      </c>
      <c r="Q80" s="42">
        <v>6567.7099999999991</v>
      </c>
      <c r="R80" s="42">
        <v>1134549</v>
      </c>
      <c r="S80" s="42">
        <v>8964</v>
      </c>
      <c r="T80" s="42">
        <v>7042.7199999999993</v>
      </c>
      <c r="U80" s="42">
        <v>1311973</v>
      </c>
      <c r="V80" s="42">
        <v>10750</v>
      </c>
      <c r="W80" s="42">
        <v>147.30000000000001</v>
      </c>
      <c r="X80" s="8">
        <v>10.709999999999999</v>
      </c>
      <c r="Y80" s="42">
        <v>136.59</v>
      </c>
      <c r="Z80" s="42">
        <v>313.13</v>
      </c>
      <c r="AA80" s="42">
        <v>12260.219999999998</v>
      </c>
    </row>
    <row r="81" spans="1:27" ht="18" customHeight="1" x14ac:dyDescent="0.15">
      <c r="A81" s="49" t="s">
        <v>48</v>
      </c>
      <c r="B81" s="57" t="s">
        <v>31</v>
      </c>
      <c r="C81" s="57" t="s">
        <v>104</v>
      </c>
      <c r="D81" s="43">
        <v>3974.0699999999993</v>
      </c>
      <c r="E81" s="43">
        <v>2267286</v>
      </c>
      <c r="F81" s="43">
        <v>39630</v>
      </c>
      <c r="G81" s="10">
        <v>8.32</v>
      </c>
      <c r="H81" s="43">
        <v>1069</v>
      </c>
      <c r="I81" s="43">
        <v>15</v>
      </c>
      <c r="J81" s="43">
        <v>3982.3899999999994</v>
      </c>
      <c r="K81" s="43">
        <v>2268355</v>
      </c>
      <c r="L81" s="43">
        <v>39645</v>
      </c>
      <c r="M81" s="11">
        <v>0.3296926095487247</v>
      </c>
      <c r="N81" s="43">
        <v>314.54000000000002</v>
      </c>
      <c r="O81" s="43">
        <v>116696</v>
      </c>
      <c r="P81" s="43">
        <v>1274</v>
      </c>
      <c r="Q81" s="43">
        <v>7379.0399999999991</v>
      </c>
      <c r="R81" s="43">
        <v>1249322</v>
      </c>
      <c r="S81" s="43">
        <v>10990</v>
      </c>
      <c r="T81" s="43">
        <v>7693.579999999999</v>
      </c>
      <c r="U81" s="43">
        <v>1366018</v>
      </c>
      <c r="V81" s="43">
        <v>12264</v>
      </c>
      <c r="W81" s="43">
        <v>147.5</v>
      </c>
      <c r="X81" s="10">
        <v>19.880000000000003</v>
      </c>
      <c r="Y81" s="43">
        <v>127.62</v>
      </c>
      <c r="Z81" s="43">
        <v>255.63</v>
      </c>
      <c r="AA81" s="43">
        <v>12079.099999999997</v>
      </c>
    </row>
    <row r="82" spans="1:27" ht="18" customHeight="1" x14ac:dyDescent="0.15">
      <c r="A82" s="49" t="s">
        <v>48</v>
      </c>
      <c r="B82" s="58" t="s">
        <v>31</v>
      </c>
      <c r="C82" s="66" t="s">
        <v>1</v>
      </c>
      <c r="D82" s="44">
        <v>8721.4599999999991</v>
      </c>
      <c r="E82" s="44">
        <v>5041063</v>
      </c>
      <c r="F82" s="44">
        <v>87539</v>
      </c>
      <c r="G82" s="12">
        <v>18</v>
      </c>
      <c r="H82" s="44">
        <v>1830</v>
      </c>
      <c r="I82" s="44">
        <v>47</v>
      </c>
      <c r="J82" s="44">
        <v>8739.4599999999991</v>
      </c>
      <c r="K82" s="44">
        <v>5042893</v>
      </c>
      <c r="L82" s="44">
        <v>87586</v>
      </c>
      <c r="M82" s="13">
        <v>0.35906754995620266</v>
      </c>
      <c r="N82" s="44">
        <v>789.55</v>
      </c>
      <c r="O82" s="44">
        <v>294120</v>
      </c>
      <c r="P82" s="44">
        <v>3060</v>
      </c>
      <c r="Q82" s="44">
        <v>13946.749999999998</v>
      </c>
      <c r="R82" s="44">
        <v>2383871</v>
      </c>
      <c r="S82" s="44">
        <v>19954</v>
      </c>
      <c r="T82" s="44">
        <v>14736.3</v>
      </c>
      <c r="U82" s="44">
        <v>2677991</v>
      </c>
      <c r="V82" s="44">
        <v>23014</v>
      </c>
      <c r="W82" s="44">
        <v>294.8</v>
      </c>
      <c r="X82" s="12">
        <v>30.590000000000003</v>
      </c>
      <c r="Y82" s="44">
        <v>264.21000000000004</v>
      </c>
      <c r="Z82" s="44">
        <v>568.76</v>
      </c>
      <c r="AA82" s="44">
        <v>24339.319999999992</v>
      </c>
    </row>
    <row r="83" spans="1:27" ht="18" customHeight="1" x14ac:dyDescent="0.15">
      <c r="A83" s="49" t="s">
        <v>48</v>
      </c>
      <c r="B83" s="56" t="s">
        <v>32</v>
      </c>
      <c r="C83" s="56" t="s">
        <v>105</v>
      </c>
      <c r="D83" s="42">
        <v>3118.3199999999997</v>
      </c>
      <c r="E83" s="42">
        <v>1845106</v>
      </c>
      <c r="F83" s="42">
        <v>32041</v>
      </c>
      <c r="G83" s="8">
        <v>66.209999999999994</v>
      </c>
      <c r="H83" s="42">
        <v>7522</v>
      </c>
      <c r="I83" s="42">
        <v>117</v>
      </c>
      <c r="J83" s="42">
        <v>3184.5299999999997</v>
      </c>
      <c r="K83" s="42">
        <v>1852628</v>
      </c>
      <c r="L83" s="42">
        <v>32158</v>
      </c>
      <c r="M83" s="9">
        <v>0.38925307384187763</v>
      </c>
      <c r="N83" s="42">
        <v>174.91000000000003</v>
      </c>
      <c r="O83" s="42">
        <v>64341</v>
      </c>
      <c r="P83" s="42">
        <v>701</v>
      </c>
      <c r="Q83" s="42">
        <v>4727.8899999999994</v>
      </c>
      <c r="R83" s="42">
        <v>820154</v>
      </c>
      <c r="S83" s="42">
        <v>6179</v>
      </c>
      <c r="T83" s="42">
        <v>4902.7999999999993</v>
      </c>
      <c r="U83" s="42">
        <v>884495</v>
      </c>
      <c r="V83" s="42">
        <v>6880</v>
      </c>
      <c r="W83" s="42">
        <v>59.32</v>
      </c>
      <c r="X83" s="8">
        <v>3.92</v>
      </c>
      <c r="Y83" s="42">
        <v>55.4</v>
      </c>
      <c r="Z83" s="42">
        <v>34.480000000000004</v>
      </c>
      <c r="AA83" s="42">
        <v>8181.1299999999983</v>
      </c>
    </row>
    <row r="84" spans="1:27" ht="18" customHeight="1" x14ac:dyDescent="0.15">
      <c r="A84" s="49" t="s">
        <v>48</v>
      </c>
      <c r="B84" s="57" t="s">
        <v>32</v>
      </c>
      <c r="C84" s="57" t="s">
        <v>15</v>
      </c>
      <c r="D84" s="43">
        <v>4742.9899999999989</v>
      </c>
      <c r="E84" s="43">
        <v>3233210</v>
      </c>
      <c r="F84" s="43">
        <v>46910</v>
      </c>
      <c r="G84" s="10">
        <v>14.49</v>
      </c>
      <c r="H84" s="43">
        <v>1655</v>
      </c>
      <c r="I84" s="43">
        <v>28</v>
      </c>
      <c r="J84" s="43">
        <v>4757.4799999999987</v>
      </c>
      <c r="K84" s="43">
        <v>3234865</v>
      </c>
      <c r="L84" s="43">
        <v>46938</v>
      </c>
      <c r="M84" s="11">
        <v>0.30227045297871863</v>
      </c>
      <c r="N84" s="43">
        <v>467.33</v>
      </c>
      <c r="O84" s="43">
        <v>175052</v>
      </c>
      <c r="P84" s="43">
        <v>1802</v>
      </c>
      <c r="Q84" s="43">
        <v>10320.11</v>
      </c>
      <c r="R84" s="43">
        <v>1834384</v>
      </c>
      <c r="S84" s="43">
        <v>13342</v>
      </c>
      <c r="T84" s="43">
        <v>10787.44</v>
      </c>
      <c r="U84" s="43">
        <v>2009436</v>
      </c>
      <c r="V84" s="43">
        <v>15144</v>
      </c>
      <c r="W84" s="43">
        <v>136.58000000000001</v>
      </c>
      <c r="X84" s="10">
        <v>26.7</v>
      </c>
      <c r="Y84" s="43">
        <v>109.88000000000001</v>
      </c>
      <c r="Z84" s="43">
        <v>57.65</v>
      </c>
      <c r="AA84" s="43">
        <v>15739.149999999998</v>
      </c>
    </row>
    <row r="85" spans="1:27" ht="18" customHeight="1" x14ac:dyDescent="0.15">
      <c r="A85" s="49" t="s">
        <v>48</v>
      </c>
      <c r="B85" s="67" t="s">
        <v>32</v>
      </c>
      <c r="C85" s="68" t="s">
        <v>1</v>
      </c>
      <c r="D85" s="46">
        <v>7861.3099999999986</v>
      </c>
      <c r="E85" s="46">
        <v>5078316</v>
      </c>
      <c r="F85" s="46">
        <v>78951</v>
      </c>
      <c r="G85" s="16">
        <v>80.699999999999989</v>
      </c>
      <c r="H85" s="46">
        <v>9177</v>
      </c>
      <c r="I85" s="46">
        <v>145</v>
      </c>
      <c r="J85" s="46">
        <v>7942.0099999999984</v>
      </c>
      <c r="K85" s="46">
        <v>5087493</v>
      </c>
      <c r="L85" s="46">
        <v>79096</v>
      </c>
      <c r="M85" s="17">
        <v>0.33201994291036729</v>
      </c>
      <c r="N85" s="46">
        <v>642.24</v>
      </c>
      <c r="O85" s="46">
        <v>239393</v>
      </c>
      <c r="P85" s="46">
        <v>2503</v>
      </c>
      <c r="Q85" s="46">
        <v>15048</v>
      </c>
      <c r="R85" s="46">
        <v>2654538</v>
      </c>
      <c r="S85" s="46">
        <v>19521</v>
      </c>
      <c r="T85" s="46">
        <v>15690.24</v>
      </c>
      <c r="U85" s="46">
        <v>2893931</v>
      </c>
      <c r="V85" s="46">
        <v>22024</v>
      </c>
      <c r="W85" s="46">
        <v>195.9</v>
      </c>
      <c r="X85" s="16">
        <v>30.619999999999997</v>
      </c>
      <c r="Y85" s="46">
        <v>165.28</v>
      </c>
      <c r="Z85" s="46">
        <v>92.13</v>
      </c>
      <c r="AA85" s="46">
        <v>23920.279999999995</v>
      </c>
    </row>
    <row r="86" spans="1:27" ht="18" customHeight="1" x14ac:dyDescent="0.15">
      <c r="A86" s="48"/>
      <c r="B86" s="50" t="s">
        <v>1</v>
      </c>
      <c r="C86" s="51"/>
      <c r="D86" s="72">
        <v>35503.39</v>
      </c>
      <c r="E86" s="72">
        <v>19512508</v>
      </c>
      <c r="F86" s="72">
        <v>344713</v>
      </c>
      <c r="G86" s="23">
        <v>196.26999999999998</v>
      </c>
      <c r="H86" s="72">
        <v>19622</v>
      </c>
      <c r="I86" s="72">
        <v>463</v>
      </c>
      <c r="J86" s="72">
        <v>35699.660000000003</v>
      </c>
      <c r="K86" s="72">
        <v>19532130</v>
      </c>
      <c r="L86" s="72">
        <v>345176</v>
      </c>
      <c r="M86" s="24">
        <v>0.32730718695496991</v>
      </c>
      <c r="N86" s="72">
        <v>4416.09</v>
      </c>
      <c r="O86" s="72">
        <v>1732621</v>
      </c>
      <c r="P86" s="72">
        <v>17321</v>
      </c>
      <c r="Q86" s="72">
        <v>65865.899999999994</v>
      </c>
      <c r="R86" s="72">
        <v>11418146</v>
      </c>
      <c r="S86" s="72">
        <v>92022</v>
      </c>
      <c r="T86" s="72">
        <v>70281.990000000005</v>
      </c>
      <c r="U86" s="72">
        <v>13150767</v>
      </c>
      <c r="V86" s="72">
        <v>109343</v>
      </c>
      <c r="W86" s="72">
        <v>1436.85</v>
      </c>
      <c r="X86" s="23">
        <v>106.33</v>
      </c>
      <c r="Y86" s="72">
        <v>1330.52</v>
      </c>
      <c r="Z86" s="72">
        <v>1652.31</v>
      </c>
      <c r="AA86" s="72">
        <v>109070.81</v>
      </c>
    </row>
    <row r="87" spans="1:27" ht="18" customHeight="1" x14ac:dyDescent="0.15">
      <c r="A87" s="38" t="s">
        <v>16</v>
      </c>
      <c r="B87" s="39"/>
      <c r="C87" s="40"/>
      <c r="D87" s="72">
        <v>183016.76</v>
      </c>
      <c r="E87" s="72">
        <v>91884172</v>
      </c>
      <c r="F87" s="72">
        <v>1606729</v>
      </c>
      <c r="G87" s="72">
        <v>1885.2800000000002</v>
      </c>
      <c r="H87" s="72">
        <v>165001</v>
      </c>
      <c r="I87" s="72">
        <v>5091</v>
      </c>
      <c r="J87" s="72">
        <v>184902.04</v>
      </c>
      <c r="K87" s="72">
        <v>92049173</v>
      </c>
      <c r="L87" s="72">
        <v>1611820</v>
      </c>
      <c r="M87" s="24">
        <v>0.37563406340498956</v>
      </c>
      <c r="N87" s="72">
        <v>27750.26</v>
      </c>
      <c r="O87" s="72">
        <v>10505558</v>
      </c>
      <c r="P87" s="72">
        <v>95966</v>
      </c>
      <c r="Q87" s="72">
        <v>259395.37</v>
      </c>
      <c r="R87" s="72">
        <v>45928708</v>
      </c>
      <c r="S87" s="72">
        <v>318233</v>
      </c>
      <c r="T87" s="72">
        <v>287145.63</v>
      </c>
      <c r="U87" s="72">
        <v>56434266</v>
      </c>
      <c r="V87" s="72">
        <v>414199</v>
      </c>
      <c r="W87" s="72">
        <v>9050.77</v>
      </c>
      <c r="X87" s="23">
        <v>288.57</v>
      </c>
      <c r="Y87" s="72">
        <v>8762.2000000000007</v>
      </c>
      <c r="Z87" s="72">
        <v>11141.369999999999</v>
      </c>
      <c r="AA87" s="72">
        <v>492239.81</v>
      </c>
    </row>
    <row r="88" spans="1:27" ht="8.25" customHeight="1" x14ac:dyDescent="0.15"/>
  </sheetData>
  <phoneticPr fontId="2"/>
  <pageMargins left="0.70866141732283472" right="0" top="1.1023622047244095" bottom="0.39370078740157483" header="0.94488188976377963" footer="0.51181102362204722"/>
  <pageSetup paperSize="9" scale="92" pageOrder="overThenDown" orientation="portrait" r:id="rId1"/>
  <headerFooter differentFirst="1" scaleWithDoc="0" alignWithMargins="0">
    <firstHeader>&amp;L&amp;"ＭＳ 明朝,標準"&amp;13　　　&amp;12(2) 市町村別</firstHeader>
  </headerFooter>
  <colBreaks count="1" manualBreakCount="1">
    <brk id="14" max="91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4(2)</vt:lpstr>
      <vt:lpstr>'4(2)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長野　純子</dc:creator>
  <cp:lastModifiedBy>Windows ユーザー</cp:lastModifiedBy>
  <cp:lastPrinted>2018-08-27T04:44:08Z</cp:lastPrinted>
  <dcterms:created xsi:type="dcterms:W3CDTF">1997-01-08T22:48:59Z</dcterms:created>
  <dcterms:modified xsi:type="dcterms:W3CDTF">2019-08-28T00:50:27Z</dcterms:modified>
</cp:coreProperties>
</file>